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929" codeName="{1AED2BDD-1FA3-CEF2-32D4-FBADEFEB71EE}"/>
  <workbookPr codeName="ThisWorkbook" defaultThemeVersion="166925"/>
  <mc:AlternateContent xmlns:mc="http://schemas.openxmlformats.org/markup-compatibility/2006">
    <mc:Choice Requires="x15">
      <x15ac:absPath xmlns:x15ac="http://schemas.microsoft.com/office/spreadsheetml/2010/11/ac" url="\\Sfp.idir.bcgov\s140\S40006\ESD\EIS\WSI\78300-90-DataSystems\ExcelDataCaptureTemplates\2022-CallPlayback\CalvinsWorkingFolder\"/>
    </mc:Choice>
  </mc:AlternateContent>
  <xr:revisionPtr revIDLastSave="0" documentId="13_ncr:1_{ED8A2A42-29DD-4F09-B0D5-8C937DBCA0D6}" xr6:coauthVersionLast="44" xr6:coauthVersionMax="44" xr10:uidLastSave="{00000000-0000-0000-0000-000000000000}"/>
  <bookViews>
    <workbookView xWindow="4800" yWindow="915" windowWidth="19725" windowHeight="12195" xr2:uid="{B6A0712B-0EFF-45F1-ABD6-D61947663133}"/>
  </bookViews>
  <sheets>
    <sheet name="Survey Information" sheetId="2" r:id="rId1"/>
    <sheet name="Sample Station Information" sheetId="3" r:id="rId2"/>
    <sheet name="Sample Station Visits" sheetId="4" r:id="rId3"/>
    <sheet name="Survey Obs (Bird Call Playback)" sheetId="5" r:id="rId4"/>
    <sheet name="Survey Summary" sheetId="6" r:id="rId5"/>
    <sheet name="Site &amp; Incidental Observations" sheetId="7" r:id="rId6"/>
    <sheet name="Predefined Columns and Codes" sheetId="8" r:id="rId7"/>
    <sheet name="User-defined Columns and Codes" sheetId="9" r:id="rId8"/>
    <sheet name="tempUserValuesPicklists" sheetId="10" state="hidden" r:id="rId9"/>
  </sheets>
  <functionGroups builtInGroupCount="19"/>
  <definedNames>
    <definedName name="_xlnm._FilterDatabase" localSheetId="6" hidden="1">'Predefined Columns and Codes'!$A$1:$F$1040</definedName>
    <definedName name="_xlnm._FilterDatabase" localSheetId="7" hidden="1">'User-defined Columns and Codes'!$A$1:$E$2</definedName>
    <definedName name="_xlnm.Print_Titles" localSheetId="6">'Predefined Columns and Codes'!$1:$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5291" uniqueCount="1757">
  <si>
    <t>SPI Project ID</t>
  </si>
  <si>
    <t>Project Name</t>
  </si>
  <si>
    <t>Survey Name</t>
  </si>
  <si>
    <t>Vantage Code</t>
  </si>
  <si>
    <t>Sampling Session Start Datetime</t>
  </si>
  <si>
    <t>Marked Animals Available</t>
  </si>
  <si>
    <t>Total Marked Animals Observed</t>
  </si>
  <si>
    <t>Sampling Session End Datetime</t>
  </si>
  <si>
    <t>Sampling Session Comments</t>
  </si>
  <si>
    <t>Study Area Name</t>
  </si>
  <si>
    <t>Study Area Photos</t>
  </si>
  <si>
    <t>Sample Station Label</t>
  </si>
  <si>
    <t>UTM Zone Sample Station</t>
  </si>
  <si>
    <t>Easting Sample Station</t>
  </si>
  <si>
    <t>Northing Sample Station</t>
  </si>
  <si>
    <t>Longitude Sample Station (DD)</t>
  </si>
  <si>
    <t>Latitude Sample Station (DD)</t>
  </si>
  <si>
    <t>Sample Station Comments</t>
  </si>
  <si>
    <t>Sample Station Photos</t>
  </si>
  <si>
    <t>Insert Predefined Sample Station Column</t>
  </si>
  <si>
    <t>Stratum Label</t>
  </si>
  <si>
    <t>Stratum Description</t>
  </si>
  <si>
    <t>Insert Predefined Site Description Column</t>
  </si>
  <si>
    <t>Visit Start Date</t>
  </si>
  <si>
    <t>Visit Start Time</t>
  </si>
  <si>
    <t>Visit End Time</t>
  </si>
  <si>
    <t>Insert Predefined Sample Station Visit Column</t>
  </si>
  <si>
    <t>Insert Predefined Sampling Condition Column</t>
  </si>
  <si>
    <t>Surveyor</t>
  </si>
  <si>
    <t>Species Code</t>
  </si>
  <si>
    <t>Count</t>
  </si>
  <si>
    <t>Animal ID</t>
  </si>
  <si>
    <t>UTM Zone</t>
  </si>
  <si>
    <t>Easting</t>
  </si>
  <si>
    <t>Northing</t>
  </si>
  <si>
    <t>Longitude (DD)</t>
  </si>
  <si>
    <t>Latitude (DD)</t>
  </si>
  <si>
    <t>Spatial Accuracy (m)</t>
  </si>
  <si>
    <t>Comments</t>
  </si>
  <si>
    <t>Insert Predefined Survey Observation Column</t>
  </si>
  <si>
    <t>Insert Predefined Mark Column</t>
  </si>
  <si>
    <t>Add your new column here</t>
  </si>
  <si>
    <t>Detection Time</t>
  </si>
  <si>
    <t>Response to Playback Flag</t>
  </si>
  <si>
    <t>Response Lag (sec)</t>
  </si>
  <si>
    <t>Detection Type Code</t>
  </si>
  <si>
    <t>Detection Direction (deg)</t>
  </si>
  <si>
    <t>Detection Direction Code</t>
  </si>
  <si>
    <t>Detection Distance (m)</t>
  </si>
  <si>
    <t>Detection Duration (sec)</t>
  </si>
  <si>
    <t>Sex Code</t>
  </si>
  <si>
    <t>Life Stage Code</t>
  </si>
  <si>
    <t>Temporary Animal ID</t>
  </si>
  <si>
    <t>Activity Code</t>
  </si>
  <si>
    <t>Activity Descriptor</t>
  </si>
  <si>
    <t>Nest Label</t>
  </si>
  <si>
    <t>Nest Support Structure Code</t>
  </si>
  <si>
    <t>Tree Species Code</t>
  </si>
  <si>
    <t>Tree Label</t>
  </si>
  <si>
    <t>Summary Year</t>
  </si>
  <si>
    <t>Summary Month</t>
  </si>
  <si>
    <t>Summary Day</t>
  </si>
  <si>
    <t>Total Survey Time</t>
  </si>
  <si>
    <t>Total Survey Time Unit Code</t>
  </si>
  <si>
    <t>Total Kilometres Surveyed</t>
  </si>
  <si>
    <t>Total Area Surveyed (sq m)</t>
  </si>
  <si>
    <t>Sample Size</t>
  </si>
  <si>
    <t>Summary General Comments</t>
  </si>
  <si>
    <t>Population Unit</t>
  </si>
  <si>
    <t>Parameter Code</t>
  </si>
  <si>
    <t>Parameter Method Code</t>
  </si>
  <si>
    <t>Parameter Value</t>
  </si>
  <si>
    <t>Parameter Denominator Value</t>
  </si>
  <si>
    <t>Best Parameter Value Flag</t>
  </si>
  <si>
    <t>Lower Confidence Limit</t>
  </si>
  <si>
    <t>Upper Confidence Limit</t>
  </si>
  <si>
    <t>Confidence Level (%)</t>
  </si>
  <si>
    <t>Standard Error</t>
  </si>
  <si>
    <t>Coefficient of Variation (%)</t>
  </si>
  <si>
    <t>Sightability Correction Factor</t>
  </si>
  <si>
    <t>Parameter Comments</t>
  </si>
  <si>
    <t>Observer First Name</t>
  </si>
  <si>
    <t>Observer Last Name</t>
  </si>
  <si>
    <t>Info About Observer</t>
  </si>
  <si>
    <t>Site Access Instructions</t>
  </si>
  <si>
    <t>Location</t>
  </si>
  <si>
    <t>Habitat Description</t>
  </si>
  <si>
    <t>Site Description Photos</t>
  </si>
  <si>
    <t>Site Description Comments</t>
  </si>
  <si>
    <t>Date &amp; Time</t>
  </si>
  <si>
    <t>Activity Descriptor Code</t>
  </si>
  <si>
    <t>Activity Count</t>
  </si>
  <si>
    <t>Adult Males</t>
  </si>
  <si>
    <t>Adult Females</t>
  </si>
  <si>
    <t>Adults - Unclassified Sex</t>
  </si>
  <si>
    <t>Juvenile Males</t>
  </si>
  <si>
    <t>Juvenile Females</t>
  </si>
  <si>
    <t>Juveniles - Unclassified Sex</t>
  </si>
  <si>
    <t>Unclassified Life Stage and Sex</t>
  </si>
  <si>
    <t>Eggs</t>
  </si>
  <si>
    <t>Egg Masses</t>
  </si>
  <si>
    <t>Larvae</t>
  </si>
  <si>
    <t>Pupae</t>
  </si>
  <si>
    <t>Vegetation Layer Code</t>
  </si>
  <si>
    <t>Percent Cover</t>
  </si>
  <si>
    <t>Area (sq m)</t>
  </si>
  <si>
    <t>Plants</t>
  </si>
  <si>
    <t>Incidental Observation Photos</t>
  </si>
  <si>
    <t>Insert Predefined Incidental Observation Column</t>
  </si>
  <si>
    <t>Add your new column here._x000D_
INSTRUCTIONS: You can add your own user-defined columns. Be sure to define your columns and any associated codes in worksheet 'User-defined Columns and Codes'. If your columns and codes are well-defined we may load your user-defined data (up to a maximum of 10 columns) into the SPI database. Alternatively, these user-defined data may remain only within this Excel file.</t>
  </si>
  <si>
    <t>You may insert additional predefined columns and codes relevant to Incidental Observations._x000D_
INSTRUCTIONS: Double-click on the column header again now (while Data-entry Assistant is open) to insert predefined columns and codes relevant to Incidental Observations.</t>
  </si>
  <si>
    <t>Incidental Observation</t>
  </si>
  <si>
    <t>Informative comments and/or notes about photos, or other Standard Digital Files, associated with an Incidental Observation.</t>
  </si>
  <si>
    <t>Incidental Observation Photos Comments</t>
  </si>
  <si>
    <t>A list of photos (or other Standard Digital Files*) that are associated with an Incidental Observation._x000D_
INSTRUCTIONS: To easily add photo names to a cell, right-click on a cell and select 'WSI: Add File Names to Cell'. Photo names must not have spaces._x000D_
To include comments about your photos, add a column named 'Incidental Observation Photos Comments' and enter your comments._x000D_
*Standard Digital Files are recognized by most operating systems and includes images, videos, and documents in formats such as PNG, JPG, JPEG, GIF, BMP, PDF, MP4, AVI, and TXT.</t>
  </si>
  <si>
    <t>Informative comments about the observation.</t>
  </si>
  <si>
    <t>The number of plants  observed or detected.</t>
  </si>
  <si>
    <t>The size of a circumscribed area occupied by a species, in square metres.</t>
  </si>
  <si>
    <t>The percentage of the ground surface, of a plot or area occupied, covered when a species' aboveground-vegetation is projected vertically onto the ground.</t>
  </si>
  <si>
    <t>Epiphyte layer</t>
  </si>
  <si>
    <t>EPIPHYTE</t>
  </si>
  <si>
    <t>A code indicating the vegetation layer that the plant species was found in, e.g., HERB.</t>
  </si>
  <si>
    <t>Moss layer</t>
  </si>
  <si>
    <t>MOSS</t>
  </si>
  <si>
    <t>Herb layer</t>
  </si>
  <si>
    <t>HERB</t>
  </si>
  <si>
    <t>Shrub layer</t>
  </si>
  <si>
    <t>SHRUB</t>
  </si>
  <si>
    <t>Tree layer</t>
  </si>
  <si>
    <t>TREE</t>
  </si>
  <si>
    <t>Snow - Heavy</t>
  </si>
  <si>
    <t>SH</t>
  </si>
  <si>
    <t>A code indicating the type of precipitation during an Incidental Observation, e.g., D.</t>
  </si>
  <si>
    <t>IO Precipitation Code</t>
  </si>
  <si>
    <t>Snow - Light</t>
  </si>
  <si>
    <t>SL</t>
  </si>
  <si>
    <t>Snow</t>
  </si>
  <si>
    <t>S</t>
  </si>
  <si>
    <t>Puddles form quickly, &gt; 2.5 mm rain per hour.</t>
  </si>
  <si>
    <t>Hard Rain</t>
  </si>
  <si>
    <t>HR</t>
  </si>
  <si>
    <t>Puddles not forming quickly, &lt; 2.5 mm rain per hour.</t>
  </si>
  <si>
    <t>Light Rain</t>
  </si>
  <si>
    <t>LR</t>
  </si>
  <si>
    <t>Fine rain drops (&lt; 0.5 mm diameter),  visible on ground.</t>
  </si>
  <si>
    <t>Drizzle</t>
  </si>
  <si>
    <t>D</t>
  </si>
  <si>
    <t>No distinct rain drops but can dampen clothing.</t>
  </si>
  <si>
    <t>Misty Drizzle</t>
  </si>
  <si>
    <t>M</t>
  </si>
  <si>
    <t>Reduced visibility, like a cloud.</t>
  </si>
  <si>
    <t>Foggy</t>
  </si>
  <si>
    <t>F</t>
  </si>
  <si>
    <t>No Precipitation</t>
  </si>
  <si>
    <t>N</t>
  </si>
  <si>
    <t>Unbroken cloud cover</t>
  </si>
  <si>
    <t>Unbroken clouds</t>
  </si>
  <si>
    <t>A code indicating the extent of cloud cover during an Incidental Observation, e.g., 2.</t>
  </si>
  <si>
    <t>IO Cloud Cover Code</t>
  </si>
  <si>
    <t>Scattered clouds covering more than 50% of sky</t>
  </si>
  <si>
    <t>Scattered  (&gt;50%)</t>
  </si>
  <si>
    <t>Scattered clouds covering less than 50% of sky</t>
  </si>
  <si>
    <t>Scattered (&lt;50%)</t>
  </si>
  <si>
    <t>Clear sky; no clouds</t>
  </si>
  <si>
    <t>Clear</t>
  </si>
  <si>
    <t>Large branches moving, wind whistling ( 40 - 50 km/h )</t>
  </si>
  <si>
    <t>Strong Breeze</t>
  </si>
  <si>
    <t>A code indicating the strength of the wind during an Incidental Observation, using the Beaufort Scale, e.g. 1.</t>
  </si>
  <si>
    <t>IO Wind Speed Code</t>
  </si>
  <si>
    <t>Small trees sway ( 30 - 39 km/h )</t>
  </si>
  <si>
    <t>Fresh Breeze</t>
  </si>
  <si>
    <t>Small branches move, dust rises ( 20 - 29 km/h )</t>
  </si>
  <si>
    <t>Moderate Breeze</t>
  </si>
  <si>
    <t>Leaves and twigs constantly move ( 13 - 19 km/h )</t>
  </si>
  <si>
    <t>Gentle Breeze</t>
  </si>
  <si>
    <t>Leaves rustle ( 6 - 12 km/h )</t>
  </si>
  <si>
    <t>Light Breeze</t>
  </si>
  <si>
    <t>2 - 5 km/h</t>
  </si>
  <si>
    <t>Light Air</t>
  </si>
  <si>
    <t>Less than 2 km/h</t>
  </si>
  <si>
    <t>Calm</t>
  </si>
  <si>
    <t>The air temperature in degrees Celsius during an Incidental Observation, e.g., 15.</t>
  </si>
  <si>
    <t>IO Air Temp (C)</t>
  </si>
  <si>
    <t>The number of pupae observed or detected.</t>
  </si>
  <si>
    <t>The number of larvae observed or detected._x000D_
For Survey Observations prior to December 2015, and for Incidental Observations prior to May 2013, larvae were included in the definition of juveniles.</t>
  </si>
  <si>
    <t>The number of egg masses observed or detected.</t>
  </si>
  <si>
    <t>The number of eggs observed or detected.</t>
  </si>
  <si>
    <t>The number of unknown age individuals of unknown sex  observed or detected.</t>
  </si>
  <si>
    <t>The number of juveniles of unknown sex observed or detected._x000D_
Juveniles are defined as 'fledged birds before their first winter, mammals older than neonates but still requiring parental care, and reptiles and amphibians of adult form that are significantly smaller than adult size.'_x000D_
For Survey Observations prior to December 2015, and for Incidental Observations prior to May 2013, the definition of juveniles included larvae (e.g. tadpoles).</t>
  </si>
  <si>
    <t>The number of juvenile females observed or detected._x000D_
Juveniles are defined as 'fledged birds before their first winter, mammals older than neonates but still requiring parental care, and reptiles and amphibians of adult form that are significantly smaller than adult size.'_x000D_
For Survey Observations prior to December 2015, and for Incidental Observations prior to May 2013, the definition of juveniles included larvae (e.g. tadpoles).</t>
  </si>
  <si>
    <t>The number of juvenile males observed or detected._x000D_
Juveniles are defined as 'fledged birds before their first winter, mammals older than neonates but still requiring parental care, and reptiles and amphibians of adult form that are significantly smaller than adult size.'_x000D_
For Survey Observations prior to December 2015, and for Incidental Observations prior to May 2013, the definition of juveniles included larvae (e.g. tadpoles).</t>
  </si>
  <si>
    <t>The number of adults of unknown sex observed or detected.</t>
  </si>
  <si>
    <t>The number of adult females observed or detected.</t>
  </si>
  <si>
    <t>The number of adult males observed or detected.</t>
  </si>
  <si>
    <t>The number of animals doing the activity, or the number of sign made by the activity.</t>
  </si>
  <si>
    <t>Sign is from the Winter season</t>
  </si>
  <si>
    <t>Winter season</t>
  </si>
  <si>
    <t>W</t>
  </si>
  <si>
    <t>A code indicating whether an animal was seen or heard doing an activity, or gives the probable age or season of the sign caused by an activity, e.g., S.</t>
  </si>
  <si>
    <t>Sign is from the Growing season</t>
  </si>
  <si>
    <t>Growing season</t>
  </si>
  <si>
    <t>G</t>
  </si>
  <si>
    <t>Undetermined (age of sign is unknown)</t>
  </si>
  <si>
    <t>Undetermined</t>
  </si>
  <si>
    <t>U</t>
  </si>
  <si>
    <t>Sign is Old ( &gt; 1 year old)</t>
  </si>
  <si>
    <t>Old</t>
  </si>
  <si>
    <t>O</t>
  </si>
  <si>
    <t>Sign is less than 1 Year old but greater than 1 week old</t>
  </si>
  <si>
    <t>Year</t>
  </si>
  <si>
    <t>Y</t>
  </si>
  <si>
    <t>Fresh sign ( &lt;1 week old)</t>
  </si>
  <si>
    <t>Fresh</t>
  </si>
  <si>
    <t>The live animal was Heard</t>
  </si>
  <si>
    <t>Heard</t>
  </si>
  <si>
    <t>H</t>
  </si>
  <si>
    <t>The live animal was Seen</t>
  </si>
  <si>
    <t>Seen</t>
  </si>
  <si>
    <t>Urinating</t>
  </si>
  <si>
    <t>UR</t>
  </si>
  <si>
    <t>A code indicating the activity of an animal when it was first detected or the activity that caused the sign, e.g. GR._x000D_
INSTRUCTIONS: If observing a group then record the exact, sub sampled, or guesstimated mode activity of all the individuals in the group.</t>
  </si>
  <si>
    <t>Traveling on a snow caterpillar. A snow caterpillar is a tracklaying vehicle for travel on snow.</t>
  </si>
  <si>
    <t>Traveling, Snow Cat</t>
  </si>
  <si>
    <t>TSC</t>
  </si>
  <si>
    <t>Traveling or recreating by snowshoeing</t>
  </si>
  <si>
    <t>Traveling, Snowshoeing</t>
  </si>
  <si>
    <t>TSS</t>
  </si>
  <si>
    <t>Traveling or recreating by snowmobiling</t>
  </si>
  <si>
    <t>Traveling, Snowmobiling</t>
  </si>
  <si>
    <t>TSM</t>
  </si>
  <si>
    <t>Traveling or recreating by skiing</t>
  </si>
  <si>
    <t>Traveling, Skiing</t>
  </si>
  <si>
    <t>TSki</t>
  </si>
  <si>
    <t>Traveling or recreating by heli-skiing. Heli-skiing is skiing in which the skier is taken up the mountain by helicopter.</t>
  </si>
  <si>
    <t>Traveling, Heli-skiing</t>
  </si>
  <si>
    <t>TSkiHS</t>
  </si>
  <si>
    <t>Traveling by flying. TF is used when the purpose of flying is not known. If the purpose of the flying is known then use a more specific description such as hunting.</t>
  </si>
  <si>
    <t>Traveling, Flying</t>
  </si>
  <si>
    <t>TF</t>
  </si>
  <si>
    <t>Traveling by swimming. TS is used when the specific purpose of swimming is not known. If the purpose of the swimming is known then use a more specific activity such as fleeing.</t>
  </si>
  <si>
    <t>Traveling, Swimming</t>
  </si>
  <si>
    <t>TS</t>
  </si>
  <si>
    <t>Walking on a trail that is embedded in the ground due to animals walking the same route for many years.</t>
  </si>
  <si>
    <t>Traveling on a Path</t>
  </si>
  <si>
    <t>TP</t>
  </si>
  <si>
    <t>Traveling by running. TR is used when the specific purpose of running is not known. If the purpose of the running is known then use a more specific activity such as disturbed or fleeing.</t>
  </si>
  <si>
    <t>Traveling, Running</t>
  </si>
  <si>
    <t>TR</t>
  </si>
  <si>
    <t>Traveling by walking. TW is used when the purpose of walking is not known. If the purpose of the walking is known then use a more specific description such as migrating; does not include traveling on a path</t>
  </si>
  <si>
    <t>Traveling, Walking</t>
  </si>
  <si>
    <t>TW</t>
  </si>
  <si>
    <t>Travelling, but the method and purpose of traveling could not be or is not classified. TU is often used when individual tracks are observed, or in telemetry Surveys when it is only important to distinguish whether or not the animal was travelling.</t>
  </si>
  <si>
    <t>Traveling, Unclassified</t>
  </si>
  <si>
    <t>TU</t>
  </si>
  <si>
    <t>Not travelling. NT is typically used in telemetry Surveys when it is only important to distinguish whether or not the animal was travelling.</t>
  </si>
  <si>
    <t>Not Travelling</t>
  </si>
  <si>
    <t>NT</t>
  </si>
  <si>
    <t>Behaviour for the purpose of marking or defending a territory; may include singing, drumming, winnowing, howling</t>
  </si>
  <si>
    <t>Territoriality</t>
  </si>
  <si>
    <t>TE</t>
  </si>
  <si>
    <t>Using habitat for its security and thermal values</t>
  </si>
  <si>
    <t>Security and Thermal</t>
  </si>
  <si>
    <t>ST</t>
  </si>
  <si>
    <t>Using habitat for protection or hiding from predators.</t>
  </si>
  <si>
    <t>Security Habitat</t>
  </si>
  <si>
    <t>Animals using habitat for the purpose of protecting themselves from heat, cold, or precipitation</t>
  </si>
  <si>
    <t>Thermal Habitat</t>
  </si>
  <si>
    <t>TH</t>
  </si>
  <si>
    <t>Standing; used when the specific purpose of standing is not known. If the purpose of standing is know then use a more specific activity such as alert or feeding.</t>
  </si>
  <si>
    <t>Standing</t>
  </si>
  <si>
    <t>SA</t>
  </si>
  <si>
    <t>Adults feeding neonates and juveniles.</t>
  </si>
  <si>
    <t>Rearing</t>
  </si>
  <si>
    <t>RR</t>
  </si>
  <si>
    <t>Laying eggs (amphibians, reptiles and birds), building a nest, and feeding non-mobile young</t>
  </si>
  <si>
    <t>Reproducing, eggs</t>
  </si>
  <si>
    <t>RE</t>
  </si>
  <si>
    <t>Giving birth to live young; preparing a birthing site, such as a den</t>
  </si>
  <si>
    <t>Reproducing, birthing</t>
  </si>
  <si>
    <t>RB</t>
  </si>
  <si>
    <t>Traveling that is a regular annual activity. E.g. seeing an elk or a Sandhill Crane on its migration route, or seeing a snake traveling away from a communal habitat such as a hibernaculum.</t>
  </si>
  <si>
    <t>Migrating Seasonally</t>
  </si>
  <si>
    <t>MS</t>
  </si>
  <si>
    <t>Traveling that is a regular daily activity; includes traveling to or away from a communal habitat. E.g. seeing a bat on its daily flight to or from a roosting site.</t>
  </si>
  <si>
    <t>Migrating Daily</t>
  </si>
  <si>
    <t>MD</t>
  </si>
  <si>
    <t>Activity that could not be classified due to ignorance or the activity being too diverse.</t>
  </si>
  <si>
    <t>Living</t>
  </si>
  <si>
    <t>LI</t>
  </si>
  <si>
    <t>Incubating, protecting, or laying eggs.</t>
  </si>
  <si>
    <t>Incubating</t>
  </si>
  <si>
    <t>IN</t>
  </si>
  <si>
    <t>Ingesting minerals by eating or licking a substance for the purpose of ingesting minerals.</t>
  </si>
  <si>
    <t>Ingesting Minerals</t>
  </si>
  <si>
    <t>IM</t>
  </si>
  <si>
    <t>Searching for, pursuing, and killing prey. For animals which hunt and eat simultaneously, such as grazers, browsers, and flying insectivores, the activity is recorded as eating</t>
  </si>
  <si>
    <t>Hunting</t>
  </si>
  <si>
    <t>HU</t>
  </si>
  <si>
    <t>Hibernating</t>
  </si>
  <si>
    <t>HI</t>
  </si>
  <si>
    <t>Behaviour for the purpose of arranging and protecting the fur, feathers, skin, etc. Includes scratching and rubbing of antler velvet.</t>
  </si>
  <si>
    <t>Grooming</t>
  </si>
  <si>
    <t>GR</t>
  </si>
  <si>
    <t>Feeding on salmonids during a salmonid run</t>
  </si>
  <si>
    <t>Feeding, salmonid</t>
  </si>
  <si>
    <t>FS</t>
  </si>
  <si>
    <t>Hurried movement to avoid a conspecifics or other animal; does not include fleeing to avoid the observer.</t>
  </si>
  <si>
    <t>Fleeing</t>
  </si>
  <si>
    <t>FL</t>
  </si>
  <si>
    <t>Consuming food items. Does not include hunting, except when animals hunt and eat simultaneously, such as grazers, browsers, and flying insectivores.</t>
  </si>
  <si>
    <t>Feeding</t>
  </si>
  <si>
    <t>FD</t>
  </si>
  <si>
    <t>Discharging waste through the anus.</t>
  </si>
  <si>
    <t>Excreting</t>
  </si>
  <si>
    <t>EX</t>
  </si>
  <si>
    <t>Drinking</t>
  </si>
  <si>
    <t>DR</t>
  </si>
  <si>
    <t>Behaviour for the purpose of avoiding the observer; use only if the activity before disturbance is not known.</t>
  </si>
  <si>
    <t>Disturbed</t>
  </si>
  <si>
    <t>DI</t>
  </si>
  <si>
    <t>The activity is described in the comments field. Note: Describing the data in comments rather than using a predefined code may reduce the clarity and accessibility of data.</t>
  </si>
  <si>
    <t>Described in Comments</t>
  </si>
  <si>
    <t>DC</t>
  </si>
  <si>
    <t>Sleeping or hiding in a cavity, cave, or burrow; does not include hibernating.</t>
  </si>
  <si>
    <t>Denning</t>
  </si>
  <si>
    <t>DE</t>
  </si>
  <si>
    <t>A carcass, or portions of a carcass, that indicates the animal is dead</t>
  </si>
  <si>
    <t>Carcass (not an activity)</t>
  </si>
  <si>
    <t>CR</t>
  </si>
  <si>
    <t>Behaviour for the purpose of enticing a conspecific of the opposite sex into copulation; includes copulation, courtship feeding, and defense of mates.</t>
  </si>
  <si>
    <t>Courting</t>
  </si>
  <si>
    <t>CO</t>
  </si>
  <si>
    <t>Storing away food or other items in hiding, or for future use.</t>
  </si>
  <si>
    <t>Caching</t>
  </si>
  <si>
    <t>CC</t>
  </si>
  <si>
    <t>Discharging bodily waste from the mouth. E.g. Seeing an owl or snake casting pellets.</t>
  </si>
  <si>
    <t>Casting</t>
  </si>
  <si>
    <t>CA</t>
  </si>
  <si>
    <t>Building a nest, bed, burrow, den, lodge, or other dwelling.</t>
  </si>
  <si>
    <t>Building</t>
  </si>
  <si>
    <t>BU</t>
  </si>
  <si>
    <t>Incidental portions of an animal's body which are left behind, but do not indicate the animal is dead; e.g., feathers, hair, and shed skins; shed antlers are recorded as AN</t>
  </si>
  <si>
    <t>Body parts (not an activity)</t>
  </si>
  <si>
    <t>BP</t>
  </si>
  <si>
    <t>Bedding, sleeping, or resting above ground; includes bedding for the purpose of cud chewing but does not include loafing.</t>
  </si>
  <si>
    <t>Bedding</t>
  </si>
  <si>
    <t>BE</t>
  </si>
  <si>
    <t>Behaviour for the purpose of gathering warmth. E.g. Seeing a marmot or snake lying on warm rocks.</t>
  </si>
  <si>
    <t>Basking</t>
  </si>
  <si>
    <t>BA</t>
  </si>
  <si>
    <t>Avoiding pests. E.g. seeing caribou standing on snow fields during summer when insects are abundant.</t>
  </si>
  <si>
    <t>Avoiding Pests</t>
  </si>
  <si>
    <t>AP</t>
  </si>
  <si>
    <t>A solid, annually deciduous horn of a cervid</t>
  </si>
  <si>
    <t>Antler (not an activity)</t>
  </si>
  <si>
    <t>AN</t>
  </si>
  <si>
    <t>Activity with the purpose of detecting predators. E.g. guard or sentry duty.</t>
  </si>
  <si>
    <t>Alert</t>
  </si>
  <si>
    <t>AL</t>
  </si>
  <si>
    <t>The date and, optionally, time of the observation(s)._x000D_
INSTRUCTIONS: For clarity, on your field forms do not use a 2-digit month format nor a 2-digit year format. A reliable format is dd-mmm-yyyy (e.g. '7 Jun 2008' or '7-Jun-2008')._x000D_
When entering the date into Excel ensure that Excel interprets it as correct date information._x000D_
Similarly, for clarity use a 24 hour time format with colons (e.g. 13:45) and ensure that Excel interprets it as correct time information.</t>
  </si>
  <si>
    <t>A code that identifies a species or subspecies of wildlife._x000D_
INSTRUCTIONS: Use code 'NULL' if none of the target taxa are detected._x000D_
Codes are at:_x000D_
http://a100.gov.bc.ca/pub/eswp/_x000D_
Additional animal codes are at:_x000D_
https://nrm.sp.gov.bc.ca/sites/ENV/wildlife/comm/Projreg/Lists/AnimalCodes/AllItems.aspx_x000D_
Additional plant codes are at:_x000D_
https://nrm.sp.gov.bc.ca/sites/ENV/wildlife/comm/Projreg/Lists/PlantCodes/AllItems.aspx_x000D_
If the species is unknown, the wildlife may be identified at a higher taxonomic level such as Genus, or Family by recording the complete Genus or Family name.</t>
  </si>
  <si>
    <t>You may insert additional predefined columns and codes relevant to Site Descriptions._x000D_
INSTRUCTIONS: Double-click on the column header again now (while Data-entry Assistant is open) to insert predefined columns and codes relevant to Site Descriptions.</t>
  </si>
  <si>
    <t>Site Description</t>
  </si>
  <si>
    <t>The percentage of the ground surface covered when the crowns are projected vertically.</t>
  </si>
  <si>
    <t>Crown Closure</t>
  </si>
  <si>
    <t>Informative comment(s) about the site._x000D_
INSTRUCTIONS: If you provide site comments, ensure that column 'Site Description Date' is also present and populated.</t>
  </si>
  <si>
    <t>Concentration of hydrogen ions in the mineral soil.</t>
  </si>
  <si>
    <t>SPI_SITE_OBSERVATIONS.SOIL_PH</t>
  </si>
  <si>
    <t>No root restriction evident</t>
  </si>
  <si>
    <t>The type of layer that prevents the penetration of roots.</t>
  </si>
  <si>
    <t>Root Restriction Layer</t>
  </si>
  <si>
    <t>Ice cementation, ice lenses, or massive ice</t>
  </si>
  <si>
    <t>Permafrost</t>
  </si>
  <si>
    <t>Z</t>
  </si>
  <si>
    <t>Excessive accumulations of chemicals within the profile which_x000D_
inhibit root growth (e.g., CaCO3 )</t>
  </si>
  <si>
    <t>Excessive accumulation of chemicals</t>
  </si>
  <si>
    <t>X</t>
  </si>
  <si>
    <t>Roots are being restricted by excessive moisture, but does not require the_x000D_
presence of free water at the time of sampling.</t>
  </si>
  <si>
    <t>Excessive moisture</t>
  </si>
  <si>
    <t>Lithic Contact</t>
  </si>
  <si>
    <t>L</t>
  </si>
  <si>
    <t>Compacted morainal material</t>
  </si>
  <si>
    <t>K</t>
  </si>
  <si>
    <t>Clay pan or restriction due to fines</t>
  </si>
  <si>
    <t>P</t>
  </si>
  <si>
    <t>Strongly cemented horizon</t>
  </si>
  <si>
    <t>C</t>
  </si>
  <si>
    <t>The depth of the layer that restricts root penetration.</t>
  </si>
  <si>
    <t>Root Restriction Depth (cm)</t>
  </si>
  <si>
    <t>The particle size distribution within the mineral portion of the rooting zone.</t>
  </si>
  <si>
    <t>Rooting Zone Coarse Fragment %</t>
  </si>
  <si>
    <t>Hydromull</t>
  </si>
  <si>
    <t>YL</t>
  </si>
  <si>
    <t>The structure of the humus.</t>
  </si>
  <si>
    <t>Humus Form</t>
  </si>
  <si>
    <t>Rhizomull</t>
  </si>
  <si>
    <t>ZL</t>
  </si>
  <si>
    <t>Vermimull</t>
  </si>
  <si>
    <t>VL</t>
  </si>
  <si>
    <t>Mull</t>
  </si>
  <si>
    <t>Saprimoder</t>
  </si>
  <si>
    <t>SD</t>
  </si>
  <si>
    <t>Hydromoder</t>
  </si>
  <si>
    <t>YD</t>
  </si>
  <si>
    <t>Lignomoder</t>
  </si>
  <si>
    <t>LD</t>
  </si>
  <si>
    <t>Mullmoder</t>
  </si>
  <si>
    <t>Leptomoder</t>
  </si>
  <si>
    <t>TD</t>
  </si>
  <si>
    <t>Mormoder</t>
  </si>
  <si>
    <t>RD</t>
  </si>
  <si>
    <t>Moder</t>
  </si>
  <si>
    <t>Mesimor</t>
  </si>
  <si>
    <t>MR</t>
  </si>
  <si>
    <t>Fibrimor</t>
  </si>
  <si>
    <t>FR</t>
  </si>
  <si>
    <t>Hydromor</t>
  </si>
  <si>
    <t>YR</t>
  </si>
  <si>
    <t>Lignomor</t>
  </si>
  <si>
    <t>Resimor</t>
  </si>
  <si>
    <t>Humimor</t>
  </si>
  <si>
    <t>Hemimor</t>
  </si>
  <si>
    <t>Mor</t>
  </si>
  <si>
    <t>R</t>
  </si>
  <si>
    <t>Water is removed from the soil so slowly that the water table remains at or near the surface for most of the time the soil is not frozen. Groundwater flow and subsurface flow are the major water sources. Precipitation is less important, except where there is a perched water table with precipitation exceeding evapotranspiration. Typically associated with wetlands.</t>
  </si>
  <si>
    <t>Very poorly drained</t>
  </si>
  <si>
    <t>v</t>
  </si>
  <si>
    <t>The speed and extent to which water is removed from a mineral soil.</t>
  </si>
  <si>
    <t>Soil Drainage</t>
  </si>
  <si>
    <t>Water is removed so slowly in relation to supply that the soil remains wet for much of the time that it is not frozen. Excess water is evident in the soil for a large part of the time. Subsurface or groundwater flow (or both), in addition to precipitation, are the main water sources. A perched water table may be present. Soils are generally mottled and/or gleyed.</t>
  </si>
  <si>
    <t>Poorly drained</t>
  </si>
  <si>
    <t>p</t>
  </si>
  <si>
    <t>Water is removed from the soil sufficiently slowly in relation to supply to keep the soil wet for a significant part of the growing season. Excess water moves slowly downward if precipitation is the major source. If subsurface water or groundwater (or both) is the main source, the flow rate may vary but the soil remains wet for a significant part of the growing season.</t>
  </si>
  <si>
    <t>Imperfectly drained</t>
  </si>
  <si>
    <t>i</t>
  </si>
  <si>
    <t>Water is removed from the soil somewhat slowly in relation to supply because of imperviousness or lack of gradient. Precipitation is the dominant water source in medium- to fine- textured soils; precipitation and significant additions by subsurface flow are necessary in coarse-textured soils.</t>
  </si>
  <si>
    <t>Moderately well drained</t>
  </si>
  <si>
    <t>m</t>
  </si>
  <si>
    <t>Water is removed from the soil readily, but not rapidly. Excess water flows downward readily into underlying pervious material or laterally as subsurface flow. Water source is precipitation. On slopes, subsurface flow may occur for short durations, but additions are equalled by losses. Soils are generally intermediate in texture and lack restricting layers.</t>
  </si>
  <si>
    <t>Well drained</t>
  </si>
  <si>
    <t>w</t>
  </si>
  <si>
    <t>Water is removed from the soil rapidly in relation to supply. Excess water flows downward if underlying material is pervious. Subsurface flow may occur on steep gradients during heavy rainfall. Water source is precipitation. Soils are generally coarse textured.</t>
  </si>
  <si>
    <t>Rapidly drained</t>
  </si>
  <si>
    <t>r</t>
  </si>
  <si>
    <t>Water is removed from the soil very rapidly in relation to supply. Water source is precipitation and available water storage capacity following precipitation is essentially nil. Soils are typically fragmental or skeletal, shallow, or both.</t>
  </si>
  <si>
    <t>Very rapidly drained</t>
  </si>
  <si>
    <t>x</t>
  </si>
  <si>
    <t>Periglacial processes</t>
  </si>
  <si>
    <t>A one-letter code indicating the 3rd geomorphological process of the upper stratigraphic layer.</t>
  </si>
  <si>
    <t>Geomorphological Process 3 - Upper</t>
  </si>
  <si>
    <t>Washing</t>
  </si>
  <si>
    <t>Gully erosion</t>
  </si>
  <si>
    <t>V</t>
  </si>
  <si>
    <t>Inundation</t>
  </si>
  <si>
    <t>Solifluction</t>
  </si>
  <si>
    <t>Rapid mass movement</t>
  </si>
  <si>
    <t>Piping</t>
  </si>
  <si>
    <t>Nivation</t>
  </si>
  <si>
    <t>Meandering channels</t>
  </si>
  <si>
    <t>Surface seepage</t>
  </si>
  <si>
    <t>Karst</t>
  </si>
  <si>
    <t>Anastomosing Channel</t>
  </si>
  <si>
    <t>J</t>
  </si>
  <si>
    <t>Irregular channel</t>
  </si>
  <si>
    <t>I</t>
  </si>
  <si>
    <t>Kettle</t>
  </si>
  <si>
    <t>Slow mass</t>
  </si>
  <si>
    <t>Channeled</t>
  </si>
  <si>
    <t>E</t>
  </si>
  <si>
    <t>Deflation</t>
  </si>
  <si>
    <t>Cryoturbation</t>
  </si>
  <si>
    <t>Braiding</t>
  </si>
  <si>
    <t>B</t>
  </si>
  <si>
    <t>Avalanches</t>
  </si>
  <si>
    <t>A</t>
  </si>
  <si>
    <t>A one-letter code indicating the 2nd geomorphological process of the upper stratigraphic layer.</t>
  </si>
  <si>
    <t>Geomorphological Process 2 - Upper</t>
  </si>
  <si>
    <t>A one-letter code indicating the 1st geomorphological process of the upper stratigraphic layer.</t>
  </si>
  <si>
    <t>Geomorphological Process 1 - Upper</t>
  </si>
  <si>
    <t>Thin veneer</t>
  </si>
  <si>
    <t>A one-letter code indicating the 3rd surface expression of the upper stratigraphic layer.</t>
  </si>
  <si>
    <t>Surface Expression 3 - Upper</t>
  </si>
  <si>
    <t>Mantle of variable thickness</t>
  </si>
  <si>
    <t>Veneer</t>
  </si>
  <si>
    <t>Undulating</t>
  </si>
  <si>
    <t>u</t>
  </si>
  <si>
    <t>Terrace(s)</t>
  </si>
  <si>
    <t>t</t>
  </si>
  <si>
    <t>Steep slope</t>
  </si>
  <si>
    <t>s</t>
  </si>
  <si>
    <t>ridge(s)</t>
  </si>
  <si>
    <t>Plain</t>
  </si>
  <si>
    <t>Rolling</t>
  </si>
  <si>
    <t>Moderately steep slope</t>
  </si>
  <si>
    <t>k</t>
  </si>
  <si>
    <t>Gentle slope</t>
  </si>
  <si>
    <t>j</t>
  </si>
  <si>
    <t>Hummock(s)</t>
  </si>
  <si>
    <t>h</t>
  </si>
  <si>
    <t>Fan(s)</t>
  </si>
  <si>
    <t>f</t>
  </si>
  <si>
    <t>Depression(s)</t>
  </si>
  <si>
    <t>d</t>
  </si>
  <si>
    <t>Cone(s)</t>
  </si>
  <si>
    <t>c</t>
  </si>
  <si>
    <t>Blanket</t>
  </si>
  <si>
    <t>b</t>
  </si>
  <si>
    <t>Moderate slope</t>
  </si>
  <si>
    <t>a</t>
  </si>
  <si>
    <t>A one-letter code indicating the 2nd surface expression of the upper stratigraphic layer.</t>
  </si>
  <si>
    <t>Surface Expression 2 - Upper</t>
  </si>
  <si>
    <t>A one-letter code indicating the 1st surface expression of the upper stratigraphic layer.</t>
  </si>
  <si>
    <t>Surface Expression 1 - Upper</t>
  </si>
  <si>
    <t>Glaciomarine</t>
  </si>
  <si>
    <t>WG</t>
  </si>
  <si>
    <t>A one- or two-letter code indicating the 3rd surficial material of the upper stratigraphic layer.</t>
  </si>
  <si>
    <t>Surficial Material 3 - Upper</t>
  </si>
  <si>
    <t>Marine</t>
  </si>
  <si>
    <t>Volcanic</t>
  </si>
  <si>
    <t>The generally convex upper portion of the slope immediately below the crest of a hill; has a specific aspect.</t>
  </si>
  <si>
    <t>Upper slope</t>
  </si>
  <si>
    <t>UP</t>
  </si>
  <si>
    <t>The position of the site relative to the localized catchment area</t>
  </si>
  <si>
    <t>Meso Slope Position</t>
  </si>
  <si>
    <t>The generally convex uppermost portion of a hill; usually convex in all directions with no distinct aspect.</t>
  </si>
  <si>
    <t>Crest</t>
  </si>
  <si>
    <t>Silty (SiL, Si)</t>
  </si>
  <si>
    <t>SILTY</t>
  </si>
  <si>
    <t>The size distribution of the primary mineral particles (2 mm diameter or less).</t>
  </si>
  <si>
    <t>Rooting Zone Soil Texture</t>
  </si>
  <si>
    <t>Sandy (LS, S)</t>
  </si>
  <si>
    <t>SANDY</t>
  </si>
  <si>
    <t>Organic</t>
  </si>
  <si>
    <t>ORGANIC</t>
  </si>
  <si>
    <t>Loamy (SL,L,SCL,FSL)</t>
  </si>
  <si>
    <t>LOAMY</t>
  </si>
  <si>
    <t>(SiCL, CL, SC, SiC, C)</t>
  </si>
  <si>
    <t>CLAYEY</t>
  </si>
  <si>
    <t>The orientation of the slope, in degrees.</t>
  </si>
  <si>
    <t>Aspect (Degrees)</t>
  </si>
  <si>
    <t>The slope gradient measured in percent.</t>
  </si>
  <si>
    <t>Slope (Percent)</t>
  </si>
  <si>
    <t>The elevation of the site in metres.</t>
  </si>
  <si>
    <t>Elevation (m)</t>
  </si>
  <si>
    <t>Saline (S)</t>
  </si>
  <si>
    <t>The nutrient class of the soil.</t>
  </si>
  <si>
    <t>Soil Nutrient Regime</t>
  </si>
  <si>
    <t>Very Rich (VR)</t>
  </si>
  <si>
    <t>Rich (R)</t>
  </si>
  <si>
    <t>Medium (M)</t>
  </si>
  <si>
    <t>Poor (P)</t>
  </si>
  <si>
    <t>Very Poor (VP)</t>
  </si>
  <si>
    <t>Water removed so slowly that water table is at or above soil surface all year; gleyed mineral or organic soils</t>
  </si>
  <si>
    <t>Hydric</t>
  </si>
  <si>
    <t>The moisture class of the soil.</t>
  </si>
  <si>
    <t>Soil Moisture Regime</t>
  </si>
  <si>
    <t>Water removed slowly enough to keep water table at or near surface for most of year; gleyed mineral or organic soils; permanent seepage &lt; 30 cm below surface</t>
  </si>
  <si>
    <t>Subhydric</t>
  </si>
  <si>
    <t>Water removed slowly enough to keep soil wet for most of growing season; permanent seepage and mottling; gleyed colours common</t>
  </si>
  <si>
    <t>Water removed slowly enough to keep soil wet for a significant part of growing season; some temporary seepage and possibly mottling below 20 cm</t>
  </si>
  <si>
    <t>Subhygric</t>
  </si>
  <si>
    <t>Water removed somewhat slowly in relation to supply; soil may remain moist for a significant, but sometimes short period of the year. Available soil moisture reflects climatic inputs</t>
  </si>
  <si>
    <t>Mesic</t>
  </si>
  <si>
    <t>Water removed readily in relation to supply; water available for moderately short periods following precipitation</t>
  </si>
  <si>
    <t>Submesic</t>
  </si>
  <si>
    <t>Water removed rapidly in relation to supply; soil is moist for short periods following precipitation</t>
  </si>
  <si>
    <t>Subxeric</t>
  </si>
  <si>
    <t>Water removed very rapidly in relation to supply; soilis moidt for brief periods following precipitation.</t>
  </si>
  <si>
    <t>Xeric</t>
  </si>
  <si>
    <t>Water supply removed very rapidly in relation to supply. Soil is moist for a negliglibe time after precipiation.</t>
  </si>
  <si>
    <t>Very xeric</t>
  </si>
  <si>
    <t>A second site series used where site is uniform but transitional</t>
  </si>
  <si>
    <t>Site Series Code 2</t>
  </si>
  <si>
    <t>Undifferentiated</t>
  </si>
  <si>
    <t>Bedrock</t>
  </si>
  <si>
    <t>Morainal</t>
  </si>
  <si>
    <t>Glaciolacustrine</t>
  </si>
  <si>
    <t>LG</t>
  </si>
  <si>
    <t>Lacustrine</t>
  </si>
  <si>
    <t>Ice</t>
  </si>
  <si>
    <t>Glaciofluvial</t>
  </si>
  <si>
    <t>FG</t>
  </si>
  <si>
    <t>Fluvial</t>
  </si>
  <si>
    <t>Eolian</t>
  </si>
  <si>
    <t>Weathered bedrock</t>
  </si>
  <si>
    <t>Colluvium</t>
  </si>
  <si>
    <t>Anthropogenic</t>
  </si>
  <si>
    <t>A one- or two-letter code indicating the 2nd surficial material of the upper stratigraphic layer.</t>
  </si>
  <si>
    <t>Surficial Material 2 - Upper</t>
  </si>
  <si>
    <t>A one- or two-letter code indicating the 1st surficial material of the upper stratigraphic layer.</t>
  </si>
  <si>
    <t>Surficial Material 1 - Upper</t>
  </si>
  <si>
    <t>Silt</t>
  </si>
  <si>
    <t>z</t>
  </si>
  <si>
    <t>A one-letter code indicating the 3rd terrain texture of the upper stratigraphic layer.</t>
  </si>
  <si>
    <t>Terrain Texture 3 - Upper</t>
  </si>
  <si>
    <t>Shells</t>
  </si>
  <si>
    <t>y</t>
  </si>
  <si>
    <t>Angular</t>
  </si>
  <si>
    <t>Sand</t>
  </si>
  <si>
    <t>Rubble</t>
  </si>
  <si>
    <t>Pebbles</t>
  </si>
  <si>
    <t>Mud</t>
  </si>
  <si>
    <t>Cobble</t>
  </si>
  <si>
    <t>Humic</t>
  </si>
  <si>
    <t>Gravel</t>
  </si>
  <si>
    <t>g</t>
  </si>
  <si>
    <t>Fabric</t>
  </si>
  <si>
    <t>e</t>
  </si>
  <si>
    <t>Mixed fragments</t>
  </si>
  <si>
    <t>Clay</t>
  </si>
  <si>
    <t>Boulders</t>
  </si>
  <si>
    <t>Blocks</t>
  </si>
  <si>
    <t>A one-letter code indicating the 2nd terrain texture of the upper stratigraphic layer.</t>
  </si>
  <si>
    <t>Terrain Texture 2 - Upper</t>
  </si>
  <si>
    <t>A one-letter code indicating the 1st terrain texture of the upper stratigraphic layer.</t>
  </si>
  <si>
    <t>Terrain Texture 1 - Upper</t>
  </si>
  <si>
    <t>Old Forest</t>
  </si>
  <si>
    <t>The appearance of a stand or community using the characteristic life form and certain physical attributes.</t>
  </si>
  <si>
    <t>Structural Stage</t>
  </si>
  <si>
    <t>Mature Forest</t>
  </si>
  <si>
    <t>Young Forest</t>
  </si>
  <si>
    <t>Pole/Sapling</t>
  </si>
  <si>
    <t>Tall shrub</t>
  </si>
  <si>
    <t>3b</t>
  </si>
  <si>
    <t>Low shrub</t>
  </si>
  <si>
    <t>3a</t>
  </si>
  <si>
    <t>Shrub/herb</t>
  </si>
  <si>
    <t>Dwarf shrub</t>
  </si>
  <si>
    <t>2d</t>
  </si>
  <si>
    <t>Aquatic</t>
  </si>
  <si>
    <t>2c</t>
  </si>
  <si>
    <t>Graminoid-dominated</t>
  </si>
  <si>
    <t>2b</t>
  </si>
  <si>
    <t>Forb-dominated</t>
  </si>
  <si>
    <t>2a</t>
  </si>
  <si>
    <t>Herb</t>
  </si>
  <si>
    <t>Bryoid</t>
  </si>
  <si>
    <t>1c</t>
  </si>
  <si>
    <t>Sparse</t>
  </si>
  <si>
    <t>1b</t>
  </si>
  <si>
    <t>Non-vegetated</t>
  </si>
  <si>
    <t>1a</t>
  </si>
  <si>
    <t>Non-vegetated/sparse</t>
  </si>
  <si>
    <t>An area in a double toe slope position where the receiving area is also sloped (perpendicular to the toe slopes).</t>
  </si>
  <si>
    <t>Gully</t>
  </si>
  <si>
    <t>GU</t>
  </si>
  <si>
    <t>Any level meso-scale area not immediately adjacent to a meso-scale slope; the surface profile is generally horizontal and straight with no significant aspect.</t>
  </si>
  <si>
    <t>Level</t>
  </si>
  <si>
    <t>LV</t>
  </si>
  <si>
    <t>Any area concave in all directions; may be at the base of a mesoscale slope or in a generally level area.</t>
  </si>
  <si>
    <t>Depression</t>
  </si>
  <si>
    <t>DP</t>
  </si>
  <si>
    <t>The area demarcated from the lower slope by an abrupt decrease in slope gradient; seepage is typically present.</t>
  </si>
  <si>
    <t>Toe</t>
  </si>
  <si>
    <t>TO</t>
  </si>
  <si>
    <t>The area toward the base of a slope; generally has a concave surface profile with a specific aspect.</t>
  </si>
  <si>
    <t>Lower slope</t>
  </si>
  <si>
    <t>LW</t>
  </si>
  <si>
    <t>Area between the upper and lower slope; the surface profile is generally neither distinctly concave nor convex; has a straight or somewhat sigmoid surface profile with a specific aspect.</t>
  </si>
  <si>
    <t>Middle slope</t>
  </si>
  <si>
    <t>A two- or three-digit site series code and a coding for site series phases or seral designation, where recognized.</t>
  </si>
  <si>
    <t>Site Series Code 1</t>
  </si>
  <si>
    <t>The biogeoclimatic unit, including zone, subzone and variant.</t>
  </si>
  <si>
    <t>BGC Unit</t>
  </si>
  <si>
    <t>The observation occurred on land owned by a legal partnership.</t>
  </si>
  <si>
    <t>Partnership(legal entity)</t>
  </si>
  <si>
    <t>A code indicating the type of ownership of the land on which this site occurs, e.g., F.</t>
  </si>
  <si>
    <t>Ownership Type Code</t>
  </si>
  <si>
    <t>The observer did not know who the landowner is.</t>
  </si>
  <si>
    <t>Unknown</t>
  </si>
  <si>
    <t>UNK</t>
  </si>
  <si>
    <t>The observation occurred on lands governed by a trust.</t>
  </si>
  <si>
    <t>Trust</t>
  </si>
  <si>
    <t>T</t>
  </si>
  <si>
    <t>The observation occurred on Provincial government owned lands.</t>
  </si>
  <si>
    <t>State/Provincial Gov.</t>
  </si>
  <si>
    <t>The observation occurred on land owned by a private organization.</t>
  </si>
  <si>
    <t>Private Organization</t>
  </si>
  <si>
    <t>The observation occurred on land owned by another type of group or individual.</t>
  </si>
  <si>
    <t>Other</t>
  </si>
  <si>
    <t>OTH</t>
  </si>
  <si>
    <t>The observation occurred on municipal lands.</t>
  </si>
  <si>
    <t>Municipal</t>
  </si>
  <si>
    <t>The observation occurred on local government owned lands.</t>
  </si>
  <si>
    <t>Local Government</t>
  </si>
  <si>
    <t>The observation occurred on land owned by a private indivdual.</t>
  </si>
  <si>
    <t>Private individual</t>
  </si>
  <si>
    <t>The observation occurred on First Nations Reserve lands.</t>
  </si>
  <si>
    <t>First Nations Reserve</t>
  </si>
  <si>
    <t>FN</t>
  </si>
  <si>
    <t>The observation occurred in a national park or ecological reserve.</t>
  </si>
  <si>
    <t>Parks Canada</t>
  </si>
  <si>
    <t>F-CNP</t>
  </si>
  <si>
    <t>The observation occurred on Federal government owned lands.</t>
  </si>
  <si>
    <t>Federal Government</t>
  </si>
  <si>
    <t>The observation occurred on an estate.</t>
  </si>
  <si>
    <t>Estate</t>
  </si>
  <si>
    <t>The observation occurred on land owned by a corporation.</t>
  </si>
  <si>
    <t>Corporation</t>
  </si>
  <si>
    <t>A description of the disturbances and/or threats, as related to the viability of individuals and/or populations of plants and fungi, at the landscape level._x000D_
This information is used in BC CSample Station Element Occurrence ranking._x000D_
Refer to the following link for examples of threat types:  http://cmp-openstandards.org/using-os/tools/threats-taxonomy/.</t>
  </si>
  <si>
    <t>Landscape Context</t>
  </si>
  <si>
    <t>A description of the quality of biotic and abiotic factors within a site._x000D_
INSTRUCTIONS: For example, the extent of invasive species and the health of individuals and/or populations may be considered; damage from herbivory, trampling, or disease may be considered.</t>
  </si>
  <si>
    <t>Site Condition</t>
  </si>
  <si>
    <t>Informative comments and/or notes about the photos, or other Standard Digital Files, associated with a Site Description.</t>
  </si>
  <si>
    <t>Site Description Photos Comments</t>
  </si>
  <si>
    <t>A list of photos (or other Standard Digital Files*) that are associated with a Site._x000D_
A distinct site is defined based on each unique combination of Observer Name, UTMs, and Site Description Date, if Site Description Date is included._x000D_
INSTRUCTIONS: To easily add photo names to a cell, right-click on a cell and select 'WSI: Add File Names to Cell'. Photo names must not have spaces._x000D_
To include comments about your photos, add a column named 'Site Description Photos Comments' and enter your comments._x000D_
If you provide photos, ensure that column 'Site Description Date' is also present and populated._x000D_
*Standard Digital Files are recognized by most operating systems and includes images, videos, and documents in formats such as PNG, JPG, JPEG, GIF, BMP, PDF, MP4, AVI, and TXT.</t>
  </si>
  <si>
    <t>A general description of the habitat._x000D_
INSTRUCTIONS: If you provide a Habitat Description, ensure that column 'Site Description Date' is also present and populated.</t>
  </si>
  <si>
    <t>The measured or guesstimated spatial accuracy of the point in meters._x000D_
INSTRUCTIONS: The value must be less than or equal to 5 digits long.</t>
  </si>
  <si>
    <t>The latitude of the observation recorded, in decimal degrees._x000D_
INSTRUCTIONS: Do not enter Long-Lat coordinates if UTM coordinates are provided.</t>
  </si>
  <si>
    <t>The longitude of the observation recorded, in decimal degrees._x000D_
INSTRUCTIONS: Do not enter Long-Lat coordinates if UTM coordinates are provided.</t>
  </si>
  <si>
    <t>The UTM north coordinate in metres for the observation recorded._x000D_
INSTRUCTIONS: The value in this field must be a number, and it must be 7 digits long. UTM coordinates must be recorded using NAD 83 datum._x000D_
Do not enter UTM coordinates if Long-Lat coordinates are provided.</t>
  </si>
  <si>
    <t>The UTM east coordinate in metres for the observation recorded._x000D_
INSTRUCTIONS: The value in this field must be a number, and it must be 6 digits long._x000D_
UTM coordinates must be recorded using NAD 83 datum._x000D_
Do not enter UTM coordinates if Long-Lat coordinates are provided.</t>
  </si>
  <si>
    <t>The UTM zone in which the observation occurs._x000D_
INSTRUCTIONS: Do not enter UTM coordinates if Long-Lat coordinates are provided.</t>
  </si>
  <si>
    <t>The map sheet or marine chart that the observed site is on.</t>
  </si>
  <si>
    <t>Mapsheet</t>
  </si>
  <si>
    <t>Instructions for accessing the site._x000D_
INSTRUCTIONS: If you provide Site Access Instructions, ensure that column 'Site Description Date' is also present and populated.</t>
  </si>
  <si>
    <t>A text description of the location._x000D_
INSTRUCTIONS: This description should include a gazetted name if possible.</t>
  </si>
  <si>
    <t>The email address of the observer</t>
  </si>
  <si>
    <t>Observer Email Address</t>
  </si>
  <si>
    <t>Information about the observer(s) recording the information.</t>
  </si>
  <si>
    <t>The observer's last name.</t>
  </si>
  <si>
    <t>The observer's first name.</t>
  </si>
  <si>
    <t>The date when a Site Description was made.</t>
  </si>
  <si>
    <t>Site Description Date</t>
  </si>
  <si>
    <t>This site description is associated with a Wildlife Feature Observation</t>
  </si>
  <si>
    <t>Feature Observation</t>
  </si>
  <si>
    <t>FO</t>
  </si>
  <si>
    <t>A code indicating the type of observation with which a site description is associated. E.g., 'SO' means the site description is associated with a 'Survey Observation'.</t>
  </si>
  <si>
    <t>Site Description Type Code</t>
  </si>
  <si>
    <t>This site description is associated with an Incidental Observation</t>
  </si>
  <si>
    <t>IO</t>
  </si>
  <si>
    <t>This site description is associated with a Survey Observation</t>
  </si>
  <si>
    <t>Survey Observation</t>
  </si>
  <si>
    <t>SO</t>
  </si>
  <si>
    <t>This site description is associated with a Design Component</t>
  </si>
  <si>
    <t>Design Component</t>
  </si>
  <si>
    <t>A label that uniquely identifies a plot (i.e. a Site Description) at a site._x000D_
INSTRUCTIONS: Caution must be used when entering labels into Excel. Excel can misinterpret labels with dashes in them as dates. For example, 2-58 would reformat as February 1st, 1958. This may or may not be visible in Excel, but becomes evident during the process of importing data into SPI (the WSI database). To avoid this problem, also use letters in the Plot Label.</t>
  </si>
  <si>
    <t>Plot Label</t>
  </si>
  <si>
    <t>Sample Station</t>
  </si>
  <si>
    <t>A unique identifier of the Sample Station in/at which observations are made._x000D_
INSTRUCTIONS: Spatial polygons and lines must be submited for all Blocks and Transects respectively._x000D_
Labels must be 50 characters (including spaces), or shorter._x000D_
Caution must be used when entering labels into Excel. Excel can misinterpret labels with dashes in them as dates. For example, 2-58 would reformat as February 1st, 1958. This may or may not be visible in Excel, but becomes evident during the process of loading data into SPI (the WSI database). To avoid this problem, also use letters in the Sample Station label._x000D_
If your design involves nesting, also use column Parent Block Label. For example, if Block C is nested within Block B and Block B is nested within Block A, the Parent Blocks are Block B and Block A, respectively._x000D_
Sample Station Label is not needed for Site &amp; Incidental Observations that are not at/in Sample Stations.</t>
  </si>
  <si>
    <t>Study Area</t>
  </si>
  <si>
    <t>The name of the Study Area in which a Survey is conducted or in which a Site Description is recorded._x000D_
INSTRUCTIONS: Spatial polygons should be submited for all Study Areas._x000D_
The Study Area Name should indicate the geographic area for which the Survey is being conducted. E.g. name of mountain, river valley, watershed, wildlife management unit._x000D_
Study Area Name is not needed for Site &amp; Incidental Observations that are not in Study Areas.</t>
  </si>
  <si>
    <t>Survey Summary Parameter</t>
  </si>
  <si>
    <t>Informative notes about a Parameter Value assigned to a specific species and Parameter via a Parameter Method.</t>
  </si>
  <si>
    <t>E.g. 0.80. Sightability Correction Factor (SCF) is a quantitative coefficient which is estimated or derived and applied to a sample-based count in order to adjust for visibility or sightability bias of the observers._x000D_
The SCF must be provided here as a probability. The probability of seeing or catching an animal must  be less than 1. _x000D_
To translate a sample-based count into an estimate of total count, the  observed count must be divided by the probabilty of seeing or catching an animal (sightability). For example, if we count 40 birds during a Survey and we know that we only see 80% of the total number of birds actually present, then population estimate = 40 * 1/0.80 = 50 birds. The Sightability Correction Factor in this example is 0.80. (Source: Univerisity of Idaho, https://www.webpages.uidaho.edu/wlf448/aerial.htm)_x000D_
INSTRUCTIONS: This should be provided as a number, e.g., 0.80.</t>
  </si>
  <si>
    <t>The Coefficient of Variation (CV). It is expressed as a percent. It is a standardized measure of dispersion of a frequency/probability distribution around the mean. It is defined as the ratio of the standard deviation to the mean, e.g., 8.42.</t>
  </si>
  <si>
    <t>The standard error of the Parameter Value, e.g., 6._x000D_
INSTRUCTIONS: Only applicable if the Parameter Value was derived from statistics and is a mean.</t>
  </si>
  <si>
    <t>The confidence, expressed as a percent, used to calculate the confidence interval, e.g., 95._x000D_
INSTRUCTIONS: The confidence level indicates the probability that the confidence interval will contain the true Parameter Value.  A typical level used is 95% (so that a 95% confidence interval would cover the true parameter in 95% of all possible random samples).</t>
  </si>
  <si>
    <t>The upper confidence limit of the confidence interval of the parameter, e.g., 98. (A confidence interval is the range of plausible values for a parameter.)_x000D_
INSTRUCTIONS: The limit must be a number and is only applicable if the Parameter Value was estimated from statistics and is a mean.</t>
  </si>
  <si>
    <t>The lower confidence limit of the confidence interval of the parameter, e.g., 94. (A confidence interval is the range of plausible values for a parameter.)_x000D_
INSTRUCTIONS: The limit must be a number and is only applicable if the Parameter Value was estimated from statistics and is a mean.</t>
  </si>
  <si>
    <t>Not Evaluated</t>
  </si>
  <si>
    <t>NE</t>
  </si>
  <si>
    <t>A Y/N indicating whether the Parameter Value represents the most representative estimate of the Parameter when choosing between two or more values._x000D_
INSTRUCTIONS: Parameter Values may be derived via multiple Parameter Methods; however, only one Parameter Value for a specific Parameter may be identified as the Best Parameter Value. E.g., Adult Female count has been obtained by both MNKA and Observed - Total Count for a caribou herd, use Best Parameter Value to distinguish which of the two values is the most accurate and should be used for management purposes.</t>
  </si>
  <si>
    <t>UN</t>
  </si>
  <si>
    <t>No</t>
  </si>
  <si>
    <t>Yes</t>
  </si>
  <si>
    <t>The numeric value used as the divisor (denominator) when the parameter is given as a quotient (e.g., Individuals/km2, Detections/km, Detections/100 days). For example, the area value used to calculate a density (e.g., animals/area) would be the PARAMETER_DENOMINATOR_VALUE.</t>
  </si>
  <si>
    <t>The numerical value of the Parameter. It can be the number of individuals, population ratio, relative abundance index, or density, e.g., 96._x000D_
INSTRUCTIONS: Up to 3 decimal places are accepted.</t>
  </si>
  <si>
    <t>The parameter method is described in comments. Note: Describing the data in comments rather than using a predefined code may reduce the clarity and accessibility of data.</t>
  </si>
  <si>
    <t>The method used to derive the Parameter Value.</t>
  </si>
  <si>
    <t>The parameter value is based on the modelled or corrected  value but is adjusted via expert knowledge. The adjusted value represents an estimate of the true parameter value for the Study Area or Design Component of interest.</t>
  </si>
  <si>
    <t>Model or Correction &amp; Expert Knowledge</t>
  </si>
  <si>
    <t>MC-EK</t>
  </si>
  <si>
    <t>The parameter value is based on the sampled value (i.e. based on the observations or detections) but is adjusted using the recruitment-mortality equation. The adjusted value represents an estimate of the true parameter value for the Study Area or Design Component of interest.</t>
  </si>
  <si>
    <t>Model or Correction - Recruitment-Mortality</t>
  </si>
  <si>
    <t>MC-RM</t>
  </si>
  <si>
    <t>The parameter value is based on the sampled value (i.e. based on the observations or detections) but is adjusted via the MoosePop model. The adjusted value represents an estimate of the true parameter value for the Study Area or Design Component of interest.</t>
  </si>
  <si>
    <t>Model or Correction - MoosePop</t>
  </si>
  <si>
    <t>MC-MP</t>
  </si>
  <si>
    <t>The parameter value is based on the sampled value (i.e. based on the observations or detections) but is adjusted via Lincoln-Peterson formula. The adjusted value represents an estimate of the true parameter value for the Study Area or Design Component of interest.</t>
  </si>
  <si>
    <t>Model or Correction - Lincoln-Peterson</t>
  </si>
  <si>
    <t>MC-LP</t>
  </si>
  <si>
    <t>The parameter value is based on the sampled value (i.e. based on the observations or detections) but is adjusted via the Joint Hypergeometric Estimator. The adjusted value represents an estimate of the true parameter value for the Study Area or Design Component of interest.</t>
  </si>
  <si>
    <t>Model or Correction - Joint Hypergeometric Estimator</t>
  </si>
  <si>
    <t>MC-JHE</t>
  </si>
  <si>
    <t>The parameter value is based on the sampled value (i.e. based on the observations or detections) but is adjusted via a model (e.g., Moosepop, Aerial Survey) and/or statistical calculation and/or sightability correction factor and/or detectability correction factor. The adjusted value represents an estimate of the true parameter value for the Study Area or Design Component of interest.</t>
  </si>
  <si>
    <t>Model or Correction</t>
  </si>
  <si>
    <t>MC</t>
  </si>
  <si>
    <t>The parameter value is an expert's knowledge, which is based on knowledge of survey conditions, surveyor experience, scientific opinion, and other survey data.</t>
  </si>
  <si>
    <t>Expert Knowledge</t>
  </si>
  <si>
    <t>EK</t>
  </si>
  <si>
    <t>The value is based on the sampled value but is adjusted using additional information other than a model or SCF. The adjusted value represents the minimum number of individuals known to be alive in the area of interest._x000D_
Examples of situations in which MNKA may be used are:_x000D_
(1) observed count is adjusted based on pre- or post-survey information._x000D_
(2) a Survey uses telemetry to locate additional collared individuals outside of the defined Study Area.</t>
  </si>
  <si>
    <t>Minimum Number Known Alive</t>
  </si>
  <si>
    <t>MNKA</t>
  </si>
  <si>
    <t>The parameter value is the number of observations during a sample-based Survey. Sample-based Surveys are required wherever it is impractical to survey the entire Study Area. In sample-based Surveys, a portion of the Study Area is counted within defined sample units (e.g., quadrats or blocks). The results are then used to estimate animal abundance throughout the Study Area. A sample-based Survey count should typically be accompanied by a modeled or corrected estimated count. (RISC 20XX)</t>
  </si>
  <si>
    <t>Observed - Sample-based Count</t>
  </si>
  <si>
    <t>OSC</t>
  </si>
  <si>
    <t>The parameter value is the number of observations during a total count Survey. Total counts are intended to enumerate all individuals (or their sign) in a Study Area using complete coverage of the Study Area. For example, alpine areas are usually small, and thus 100% flight coverage is practical for surveying mountain sheep and goats, and sometimes caribou. (RISC 20XX)</t>
  </si>
  <si>
    <t>Observed - Total Count</t>
  </si>
  <si>
    <t>OTC</t>
  </si>
  <si>
    <t>The total number of male marked animals detected during the course of a Design Component Visit</t>
  </si>
  <si>
    <t>Total Marked Animals (male) Observed - DC Visit</t>
  </si>
  <si>
    <t>TMAO-DCV-M</t>
  </si>
  <si>
    <t>Parameter is the metric quantified in the Parameter Value column. This could, for example, be the total number of animals observed in your Study Area or block, or a population ratio such as the number of Juveniles per 100 Adult Females (i.e., calf:cow ratio), e.g., Ad M.</t>
  </si>
  <si>
    <t>The total number of female marked animals detected during the course of a Design Component Visit</t>
  </si>
  <si>
    <t>Total Marked Animals (female) Observed - DC Visit</t>
  </si>
  <si>
    <t>TMAO-DCV-F</t>
  </si>
  <si>
    <t>The total number of marked animals detected during the course of a Design Component Visit</t>
  </si>
  <si>
    <t>Total Marked Animals Observed - DC Visit</t>
  </si>
  <si>
    <t>TMAO-DCV</t>
  </si>
  <si>
    <t>The number of male marked animals available to be detected during the course of a Design Component Visit.</t>
  </si>
  <si>
    <t>Marked Animals (male) Available - DC Visit</t>
  </si>
  <si>
    <t>MAA-DCV-M</t>
  </si>
  <si>
    <t>The number of female marked animals available to be detected during the course of a Design Component Visit.</t>
  </si>
  <si>
    <t>Marked Animals (female) Available - DC Visit</t>
  </si>
  <si>
    <t>MAA-DCV-F</t>
  </si>
  <si>
    <t>The number of marked animals available to be detected during the course of a Design Component Visit.</t>
  </si>
  <si>
    <t>Marked Animals Available - DC Visit</t>
  </si>
  <si>
    <t>MAA-DCV</t>
  </si>
  <si>
    <t>A relative abundance index. The number of detections per 100 days.</t>
  </si>
  <si>
    <t>Detections/100 days</t>
  </si>
  <si>
    <t>A relative abundance index. The number of detections per day.</t>
  </si>
  <si>
    <t>Detections/day</t>
  </si>
  <si>
    <t>A relative abundance index. The number of detections per hour.</t>
  </si>
  <si>
    <t>Detections/hour</t>
  </si>
  <si>
    <t>A relative abundance index. The number of detections per 100 m (e.g., tracks or pellet groups per 100 m)</t>
  </si>
  <si>
    <t>Detections/100 m</t>
  </si>
  <si>
    <t>A relative abundance index. The number of detections per km (e.g., tracks or pellet groups per kilometer)</t>
  </si>
  <si>
    <t>Detections/km</t>
  </si>
  <si>
    <t>The number of detections.</t>
  </si>
  <si>
    <t>Detections</t>
  </si>
  <si>
    <t>The number of individuals per square metre.</t>
  </si>
  <si>
    <t>Individuals/m2</t>
  </si>
  <si>
    <t>The number of individuals per square kilometer.</t>
  </si>
  <si>
    <t>Individuals/km2</t>
  </si>
  <si>
    <t>A measure of the rate of juvenile survival in a population expressed as a percentage. The time span is implied by the survey information.</t>
  </si>
  <si>
    <t>Percent Survival of Juveniles</t>
  </si>
  <si>
    <t>Survival Juv</t>
  </si>
  <si>
    <t>A measure of the rate of adult male survival in a population expressed as a percentage. The time span is implied by the survey information.</t>
  </si>
  <si>
    <t>Percent Survival of Adult Males</t>
  </si>
  <si>
    <t>Survival Ad M</t>
  </si>
  <si>
    <t>A measure of the rate of adult female survival in a population expressed as a percentage. The time span is implied by the survey information.</t>
  </si>
  <si>
    <t>Percent Survival of Adult Females</t>
  </si>
  <si>
    <t>Survival Ad F</t>
  </si>
  <si>
    <t>A measure of the rate of adult survival in a population expressed as a percentage. The time span is implied by the survey information.</t>
  </si>
  <si>
    <t>Percent Survival of Adults</t>
  </si>
  <si>
    <t>Survival Ad</t>
  </si>
  <si>
    <t>A measure of the rate of juvenile deaths in a population expressed as a percentage. The time span is implied by the survey information.</t>
  </si>
  <si>
    <t>Percent Mortality of Juveniles</t>
  </si>
  <si>
    <t>MortJuv</t>
  </si>
  <si>
    <t>A measure of the rate of adult male deaths in a population expressed as a percentage. The time span is implied by the survey information.</t>
  </si>
  <si>
    <t>Percent Mortality of Adult Males</t>
  </si>
  <si>
    <t>MortAdM</t>
  </si>
  <si>
    <t>A measure of the rate of adult female deaths in a population expressed as a percentage. The time span is implied by the survey information.</t>
  </si>
  <si>
    <t>Percent Mortality of Adult Females</t>
  </si>
  <si>
    <t>MortAdF</t>
  </si>
  <si>
    <t>A measure of the rate of adult deaths in a population expressed as a percentage. The time span is implied by the survey information.</t>
  </si>
  <si>
    <t>Percent Mortality of Adults</t>
  </si>
  <si>
    <t>MortAd</t>
  </si>
  <si>
    <t>E.g., 15. The number of males of all life stages to 100 females of all life stages. The example means there are 15 males to 100 females.</t>
  </si>
  <si>
    <t>Males : 100 Females</t>
  </si>
  <si>
    <t>M : 100 F</t>
  </si>
  <si>
    <t>E.g., 10. The number of adult males to 100 adult females. The example means there are 10 bulls to 100 cows.</t>
  </si>
  <si>
    <t>Adult Males : 100 Adult Females</t>
  </si>
  <si>
    <t>Ad M : 100 Ad F</t>
  </si>
  <si>
    <t>E.g., 15. The number of yearling males per 100 adult females. The example means there are 15 yearling males to 100 adult females.</t>
  </si>
  <si>
    <t>Yearling Males : 100 Adult Females</t>
  </si>
  <si>
    <t>Yrlng M : 100 Ad F</t>
  </si>
  <si>
    <t>E.g., 20. The number of yearlings to 100 adults. The example means there are 20 yearlings to 100 adults.</t>
  </si>
  <si>
    <t>Yearlings : 100 Adults</t>
  </si>
  <si>
    <t>Yrlng : 100 Ad</t>
  </si>
  <si>
    <t>E.g., 25. The percentage of the population that is comprised of juvenile animals. The example means 25% of the population is juvenile.</t>
  </si>
  <si>
    <t>Percent Juveniles</t>
  </si>
  <si>
    <t>Percent Juv</t>
  </si>
  <si>
    <t>E.g., 33. The number of juveniles to 100 radio-collared adult females. The example means there are 33 calves to 100 collared cows.</t>
  </si>
  <si>
    <t>Juveniles : 100 Collared Adult Females</t>
  </si>
  <si>
    <t>Juv : 100 Ad Collared F</t>
  </si>
  <si>
    <t>E.g., 33. The number of juveniles to 100 adult females. The example means there are 33 calves to 100 cows.</t>
  </si>
  <si>
    <t>Juveniles : 100 Adult Females</t>
  </si>
  <si>
    <t>Juv : 100 Ad F</t>
  </si>
  <si>
    <t>E.g., 25. The number of juveniles to 100 adults. The example means there are 25 calves to 100 adults.</t>
  </si>
  <si>
    <t>Juveniles : 100 Adults</t>
  </si>
  <si>
    <t>Juv : 100 Ad</t>
  </si>
  <si>
    <t>The number of 10 point or tripalm bull moose.</t>
  </si>
  <si>
    <t>Adult Males - 10 Points or Tripalm</t>
  </si>
  <si>
    <t>Ad M - 10 Pts or Tripalm</t>
  </si>
  <si>
    <t>The number of adult males having at least 6 points or more on one antler.</t>
  </si>
  <si>
    <t>Adult Males - 6 Points or More</t>
  </si>
  <si>
    <t>Ad M - 6 Pts or More</t>
  </si>
  <si>
    <t>The number of adult males with at least 5 points on one antler.</t>
  </si>
  <si>
    <t>Adult Males - 5 Points</t>
  </si>
  <si>
    <t>Ad M - 5 Pts</t>
  </si>
  <si>
    <t>The number of adult males with 4 points or more.</t>
  </si>
  <si>
    <t>Adult Males - 4 Points or More</t>
  </si>
  <si>
    <t>Ad M - 4 Pts or More</t>
  </si>
  <si>
    <t>The number of adult males with at least 3 or 4 points on one antler.</t>
  </si>
  <si>
    <t>Adult Males - 3 or 4 Points</t>
  </si>
  <si>
    <t>Ad M - 3 or 4 Pts</t>
  </si>
  <si>
    <t>The number of adult males with 3 points or less.</t>
  </si>
  <si>
    <t>Adult Males - 3 Points or Fewer</t>
  </si>
  <si>
    <t>Ad M - 3 Pts or Fewer</t>
  </si>
  <si>
    <t>The number of adult males with large 5 point antler, 6 or more point antler, heavy antlers, massive.</t>
  </si>
  <si>
    <t>Adult Males - Class III or IV</t>
  </si>
  <si>
    <t>Ad M - Class III or IV</t>
  </si>
  <si>
    <t>The number of Class I or Class II male ungulates. For Elk, these are known as Raghorns and have either small or large antlers with 3 or 4 points, and/or small spindly 5 point antlers.</t>
  </si>
  <si>
    <t>Males - Class I or II</t>
  </si>
  <si>
    <t>M - Class I or II</t>
  </si>
  <si>
    <t>The number of class IV male ungulates.</t>
  </si>
  <si>
    <t>Males - Class IV</t>
  </si>
  <si>
    <t>M - Class IV</t>
  </si>
  <si>
    <t>The number of class III male ungulates.</t>
  </si>
  <si>
    <t>Males - Class III</t>
  </si>
  <si>
    <t>M - Class III</t>
  </si>
  <si>
    <t>The number of class II male ungulates.</t>
  </si>
  <si>
    <t>Males - Class II</t>
  </si>
  <si>
    <t>M - Class II</t>
  </si>
  <si>
    <t>The number of class I male ungulates.</t>
  </si>
  <si>
    <t>Males - Class I</t>
  </si>
  <si>
    <t>M - Class I</t>
  </si>
  <si>
    <t>The number of individuals of unclassified life stage and unclassified sex.</t>
  </si>
  <si>
    <t>Unclas Life Stage and Sex</t>
  </si>
  <si>
    <t>The number of females of unclassified life stage.</t>
  </si>
  <si>
    <t>Females - Unclassified Life Stage</t>
  </si>
  <si>
    <t>F - Unclas Life Stage</t>
  </si>
  <si>
    <t>The number of males of unclassified life stage.</t>
  </si>
  <si>
    <t>Males - Unclassified Life Stage</t>
  </si>
  <si>
    <t>M - Unclas Life Stage</t>
  </si>
  <si>
    <t>The number of juveniles of unclassified sex.</t>
  </si>
  <si>
    <t>Juv - Unclas Sex</t>
  </si>
  <si>
    <t>The number of juvenile females.</t>
  </si>
  <si>
    <t>Juv F</t>
  </si>
  <si>
    <t>The number of juvenile males.</t>
  </si>
  <si>
    <t>Juv M</t>
  </si>
  <si>
    <t>The number of yearlings of unclassified sex.</t>
  </si>
  <si>
    <t>Yearlings - Unclassified Sex</t>
  </si>
  <si>
    <t>Yrlng - Unclas Sex</t>
  </si>
  <si>
    <t>The number of yearling females.</t>
  </si>
  <si>
    <t>Yearling Females</t>
  </si>
  <si>
    <t>Yrlng F</t>
  </si>
  <si>
    <t>The number of yearling males.</t>
  </si>
  <si>
    <t>Yearling Males</t>
  </si>
  <si>
    <t>Yrlng M</t>
  </si>
  <si>
    <t>The number of adults of unclassified sex.</t>
  </si>
  <si>
    <t>Ad - Unclas Sex</t>
  </si>
  <si>
    <t>The number of adult females.</t>
  </si>
  <si>
    <t>Ad F</t>
  </si>
  <si>
    <t>The number of adult males.</t>
  </si>
  <si>
    <t>Ad M</t>
  </si>
  <si>
    <t>The number of individuals of all life stages and sexes.</t>
  </si>
  <si>
    <t>Individuals</t>
  </si>
  <si>
    <t>The official estimate of the surveyed population to support population trend analysis or for other specific management purposes (e.g., harvest allocation, species recovery).</t>
  </si>
  <si>
    <t>Official Population Estimate</t>
  </si>
  <si>
    <t>Official Population Est</t>
  </si>
  <si>
    <t>Survey Summary Date</t>
  </si>
  <si>
    <t>Wolverine</t>
  </si>
  <si>
    <t>Wolv</t>
  </si>
  <si>
    <t>A code indicating the species' population unit (e.g., SnSa). Population unit is a generic term for a provincially defined, geographically discrete population of a species. E.g., for grizzly bear they are called 'population units'; for caribou they are called 'herds'; for moose they are called 'game-management zones'.</t>
  </si>
  <si>
    <t>British Columbia - all</t>
  </si>
  <si>
    <t>BC</t>
  </si>
  <si>
    <t>Westside Fort Nelson</t>
  </si>
  <si>
    <t>WSFN</t>
  </si>
  <si>
    <t>Wells Gray South</t>
  </si>
  <si>
    <t>WeGS</t>
  </si>
  <si>
    <t>Wells Gray North</t>
  </si>
  <si>
    <t>WeGN</t>
  </si>
  <si>
    <t>Tweedsmuir</t>
  </si>
  <si>
    <t>Twee</t>
  </si>
  <si>
    <t>Tsenaglode</t>
  </si>
  <si>
    <t>Tsen</t>
  </si>
  <si>
    <t>Thutade</t>
  </si>
  <si>
    <t>Thut</t>
  </si>
  <si>
    <t>Telkwa</t>
  </si>
  <si>
    <t>Telk</t>
  </si>
  <si>
    <t>Takla</t>
  </si>
  <si>
    <t>Takl</t>
  </si>
  <si>
    <t>Swan Lake</t>
  </si>
  <si>
    <t>SwLa</t>
  </si>
  <si>
    <t>Spatsizi</t>
  </si>
  <si>
    <t>Spat</t>
  </si>
  <si>
    <t>Southern Mountain - Southern Group</t>
  </si>
  <si>
    <t>SMCsg</t>
  </si>
  <si>
    <t>Southern Mountain - Northern Group</t>
  </si>
  <si>
    <t>SMCng</t>
  </si>
  <si>
    <t>Southern Mountain - Central Group</t>
  </si>
  <si>
    <t>SMCcg</t>
  </si>
  <si>
    <t>Southern Mountain - all</t>
  </si>
  <si>
    <t>SMC</t>
  </si>
  <si>
    <t>South Selkirks</t>
  </si>
  <si>
    <t>SoSe</t>
  </si>
  <si>
    <t>South Narraway</t>
  </si>
  <si>
    <t>SoNa</t>
  </si>
  <si>
    <t>Snake-Sahtaneh</t>
  </si>
  <si>
    <t>SnSa</t>
  </si>
  <si>
    <t>Scott</t>
  </si>
  <si>
    <t>Scot</t>
  </si>
  <si>
    <t>Redrock Prarie Creek</t>
  </si>
  <si>
    <t>RePC</t>
  </si>
  <si>
    <t>Redrock Prairie Creek</t>
  </si>
  <si>
    <t>RRPC</t>
  </si>
  <si>
    <t>Rainbows</t>
  </si>
  <si>
    <t>Rain</t>
  </si>
  <si>
    <t>Rabbit</t>
  </si>
  <si>
    <t>Rabb</t>
  </si>
  <si>
    <t>Quintette</t>
  </si>
  <si>
    <t>Quin</t>
  </si>
  <si>
    <t>Purcells South</t>
  </si>
  <si>
    <t>PuSo</t>
  </si>
  <si>
    <t>Purcell Central</t>
  </si>
  <si>
    <t>PuCe</t>
  </si>
  <si>
    <t>Prophet</t>
  </si>
  <si>
    <t>Prop</t>
  </si>
  <si>
    <t>Pink Mountain</t>
  </si>
  <si>
    <t>PiMo</t>
  </si>
  <si>
    <t>Parsnip</t>
  </si>
  <si>
    <t>Pars</t>
  </si>
  <si>
    <t>Parker</t>
  </si>
  <si>
    <t>Park</t>
  </si>
  <si>
    <t>Northern Mountain</t>
  </si>
  <si>
    <t>NMC</t>
  </si>
  <si>
    <t>North Cariboo</t>
  </si>
  <si>
    <t>NoCa</t>
  </si>
  <si>
    <t>Narrow Lake</t>
  </si>
  <si>
    <t>NaLa</t>
  </si>
  <si>
    <t>Narraway</t>
  </si>
  <si>
    <t>Narr</t>
  </si>
  <si>
    <t>Nakusp</t>
  </si>
  <si>
    <t>Naku</t>
  </si>
  <si>
    <t>Muskwa</t>
  </si>
  <si>
    <t>Musk</t>
  </si>
  <si>
    <t>Monashee</t>
  </si>
  <si>
    <t>Mona</t>
  </si>
  <si>
    <t>Moberly</t>
  </si>
  <si>
    <t>Mobe</t>
  </si>
  <si>
    <t>Maxhamish</t>
  </si>
  <si>
    <t>Maxh</t>
  </si>
  <si>
    <t>Little Rancheria</t>
  </si>
  <si>
    <t>LiRa</t>
  </si>
  <si>
    <t>Liard Plateau</t>
  </si>
  <si>
    <t>LiPl</t>
  </si>
  <si>
    <t>Level-Kawdy</t>
  </si>
  <si>
    <t>LeKa</t>
  </si>
  <si>
    <t>Kennedy Siding</t>
  </si>
  <si>
    <t>KeSi</t>
  </si>
  <si>
    <t>Itcha-Ilgachuz</t>
  </si>
  <si>
    <t>ItIl</t>
  </si>
  <si>
    <t>Horseranch</t>
  </si>
  <si>
    <t>Hors</t>
  </si>
  <si>
    <t>Hart South</t>
  </si>
  <si>
    <t>HaSo</t>
  </si>
  <si>
    <t>Hart Ranges</t>
  </si>
  <si>
    <t>HaRa</t>
  </si>
  <si>
    <t>Groundhog</t>
  </si>
  <si>
    <t>Grou</t>
  </si>
  <si>
    <t>Graham</t>
  </si>
  <si>
    <t>Grah</t>
  </si>
  <si>
    <t>George Mtn</t>
  </si>
  <si>
    <t>GeMo</t>
  </si>
  <si>
    <t>Gataga</t>
  </si>
  <si>
    <t>Gata</t>
  </si>
  <si>
    <t>Frog</t>
  </si>
  <si>
    <t>Frisby-Boulder</t>
  </si>
  <si>
    <t>FrBo</t>
  </si>
  <si>
    <t>Fort Nelson</t>
  </si>
  <si>
    <t>FoNe</t>
  </si>
  <si>
    <t>Finlay</t>
  </si>
  <si>
    <t>Finl</t>
  </si>
  <si>
    <t>Edziza</t>
  </si>
  <si>
    <t>Edzi</t>
  </si>
  <si>
    <t>Duncan</t>
  </si>
  <si>
    <t>Dunc</t>
  </si>
  <si>
    <t>Columbia South</t>
  </si>
  <si>
    <t>CoSo</t>
  </si>
  <si>
    <t>Columbia North</t>
  </si>
  <si>
    <t>CoNo</t>
  </si>
  <si>
    <t>Chinchaga</t>
  </si>
  <si>
    <t>Chin</t>
  </si>
  <si>
    <t>Chase</t>
  </si>
  <si>
    <t>Chas</t>
  </si>
  <si>
    <t>Charlotte Alplands</t>
  </si>
  <si>
    <t>ChAl</t>
  </si>
  <si>
    <t>Central Selkirks</t>
  </si>
  <si>
    <t>CeSe</t>
  </si>
  <si>
    <t>Central Rockies</t>
  </si>
  <si>
    <t>CeRo</t>
  </si>
  <si>
    <t>Carcross</t>
  </si>
  <si>
    <t>Carc</t>
  </si>
  <si>
    <t>Calendar</t>
  </si>
  <si>
    <t>Cale</t>
  </si>
  <si>
    <t>Burnt Pine</t>
  </si>
  <si>
    <t>BuPi</t>
  </si>
  <si>
    <t>Bowron</t>
  </si>
  <si>
    <t>Bowr</t>
  </si>
  <si>
    <t>Boreal</t>
  </si>
  <si>
    <t>Bearhole-Redwillow</t>
  </si>
  <si>
    <t>BeRe</t>
  </si>
  <si>
    <t>Barkerville</t>
  </si>
  <si>
    <t>Bark</t>
  </si>
  <si>
    <t>Atlin</t>
  </si>
  <si>
    <t>Atli</t>
  </si>
  <si>
    <t>Informative notes about the general information (e.g., year, timing, distance, area) of a Survey Summary._x000D_
INSTRUCTIONS: For each unique combination of Block (or Study Area) on a specific summary date, the general-comment, if there is one, must be repeated in each row.</t>
  </si>
  <si>
    <t>The number of samples, from within a Study Area or Sample Station, that were used to generate observation summaries, e.g., 36.</t>
  </si>
  <si>
    <t>The total area, in square metres, surveyed within a Study Area or Sample Station. The surveyed area can be an entire Study Area or block, or portion of either.</t>
  </si>
  <si>
    <t>The total distance, in kilometres, traversed along a transect or flight path while surveying a Study Area or Sample Station, e.g. 22.</t>
  </si>
  <si>
    <t>Nights</t>
  </si>
  <si>
    <t>A code indicating the unit for the amount of time that a Study Area or Sample Station was surveyed, e.g., M.</t>
  </si>
  <si>
    <t>Days</t>
  </si>
  <si>
    <t>Hours</t>
  </si>
  <si>
    <t>Minutes</t>
  </si>
  <si>
    <t>Total amount of time (e.g. number of minutes, hours, or days) a Study Area or Sample Station was surveyed, e.g., 35.</t>
  </si>
  <si>
    <t>The day (1 through 31) for which this summary is valid, e.g., 30._x000D_
INSTRUCTIONS: Day need not be specified because some Surveys span multiple days and therefore specifying a day can be misleading.</t>
  </si>
  <si>
    <t>December</t>
  </si>
  <si>
    <t>The month (1 through 12) for which this summary is valid, e.g., 4._x000D_
INSTRUCTIONS: Month need not be specified because some Surveys span multiple months and therefore specifying a month can be misleading.</t>
  </si>
  <si>
    <t>November</t>
  </si>
  <si>
    <t>October</t>
  </si>
  <si>
    <t>September</t>
  </si>
  <si>
    <t>August</t>
  </si>
  <si>
    <t>July</t>
  </si>
  <si>
    <t>June</t>
  </si>
  <si>
    <t>May</t>
  </si>
  <si>
    <t>April</t>
  </si>
  <si>
    <t>March</t>
  </si>
  <si>
    <t>February</t>
  </si>
  <si>
    <t>January</t>
  </si>
  <si>
    <t>The year for which this summary is valid, e.g., 1996.</t>
  </si>
  <si>
    <t>The identifier given to the individual by the B. C. Wildlife Health Program.</t>
  </si>
  <si>
    <t>Wildlife Health ID</t>
  </si>
  <si>
    <t>The date of a handling event._x000D_
INSTRUCTIONS: The date may not span days._x000D_
For clarity, on your field forms do not use a 2-digit month format nor a 2-digit year format. A reliable format is dd-mmm-yyyy (e.g. '7 Jun 2008' or '7-Jun-2008'). When entering the date into Excel ensure that Excel interprets it as correct date information.</t>
  </si>
  <si>
    <t>Handling Event Date</t>
  </si>
  <si>
    <t>The date of a detection. I.e., the date of animal observation, or detection, or capture, or the date of the Image or Sequence observation._x000D_
INSTRUCTIONS: The date may not span days. For clarity, on your field forms do not use a 2-digit month format nor a 2-digit year format. A reliable format is dd-mmm-yyyy (e.g. '7 Jun 2008' or '7-Jun-2008'). When entering the date into Excel ensure that Excel interprets it as correct date information.</t>
  </si>
  <si>
    <t>Detection Date</t>
  </si>
  <si>
    <t>Picea engelmannii</t>
  </si>
  <si>
    <t>Englelmann spruce</t>
  </si>
  <si>
    <t>Se</t>
  </si>
  <si>
    <t>A code, used by forestry in BC, that indicates the species of a tree, e.g., Fd._x000D_
INSTRUCTIONS: Codes are available at: https://www.env.gov.bc.ca/esd/distdata/ecosystems/wsi/spi_codes.htm#TreeSpeciesCode</t>
  </si>
  <si>
    <t>Pinus ponderosa</t>
  </si>
  <si>
    <t>ponderosa pine</t>
  </si>
  <si>
    <t>Py</t>
  </si>
  <si>
    <t>Pinus monticola</t>
  </si>
  <si>
    <t>western white pine</t>
  </si>
  <si>
    <t>Pw</t>
  </si>
  <si>
    <t>Pinus contorta var latifolia</t>
  </si>
  <si>
    <t>lodgepole pine</t>
  </si>
  <si>
    <t>Pl</t>
  </si>
  <si>
    <t>Pinus albicaulis</t>
  </si>
  <si>
    <t>whitebark pine</t>
  </si>
  <si>
    <t>Pa</t>
  </si>
  <si>
    <t>Larix occidentalis</t>
  </si>
  <si>
    <t>western larch</t>
  </si>
  <si>
    <t>Lw</t>
  </si>
  <si>
    <t>Tsuga heterophylla</t>
  </si>
  <si>
    <t>western hemlock</t>
  </si>
  <si>
    <t>Hw</t>
  </si>
  <si>
    <t>Pseudotsuga menziesii</t>
  </si>
  <si>
    <t>Douglas-fir</t>
  </si>
  <si>
    <t>Fd</t>
  </si>
  <si>
    <t>Betula papyrifera</t>
  </si>
  <si>
    <t>paper birch</t>
  </si>
  <si>
    <t>Ep</t>
  </si>
  <si>
    <t>Thuja plicata</t>
  </si>
  <si>
    <t>western redcedar</t>
  </si>
  <si>
    <t>Cw</t>
  </si>
  <si>
    <t>Abies lasiocarpa var. lasiocarpa</t>
  </si>
  <si>
    <t>subalpine fir</t>
  </si>
  <si>
    <t>Bl</t>
  </si>
  <si>
    <t>Abies grandis</t>
  </si>
  <si>
    <t>grand fir</t>
  </si>
  <si>
    <t>Bg</t>
  </si>
  <si>
    <t>Populus tremuloides</t>
  </si>
  <si>
    <t>trembling aspen</t>
  </si>
  <si>
    <t>At</t>
  </si>
  <si>
    <t>Populus trichocarpa</t>
  </si>
  <si>
    <t>black cottonwood</t>
  </si>
  <si>
    <t>Act</t>
  </si>
  <si>
    <t>Populus balsamifera</t>
  </si>
  <si>
    <t>balsam poplar</t>
  </si>
  <si>
    <t>Ac</t>
  </si>
  <si>
    <t>Floating. Maybe anchored to vegetation</t>
  </si>
  <si>
    <t>WATER</t>
  </si>
  <si>
    <t>A code indicating the type of structure supporting a nest, e.g., POST.</t>
  </si>
  <si>
    <t>Tree, alive but unhealthy.</t>
  </si>
  <si>
    <t>TREE_U</t>
  </si>
  <si>
    <t>Tree, alive and healthy.</t>
  </si>
  <si>
    <t>TREE_H</t>
  </si>
  <si>
    <t>Tree, fallen.</t>
  </si>
  <si>
    <t>TREE_F</t>
  </si>
  <si>
    <t>Tree, dead.</t>
  </si>
  <si>
    <t>TREE_D</t>
  </si>
  <si>
    <t>Tree</t>
  </si>
  <si>
    <t>Vine tangle. Includes brambles, brush piles, etc.</t>
  </si>
  <si>
    <t>TANGLE</t>
  </si>
  <si>
    <t>Live shrub or multi-stemmed wood plant.</t>
  </si>
  <si>
    <t>SHRB_L</t>
  </si>
  <si>
    <t>Dead shrub or multi-stemmed woody plant.</t>
  </si>
  <si>
    <t>SHRB_D</t>
  </si>
  <si>
    <t>Among roots of a tree.</t>
  </si>
  <si>
    <t>ROOTS</t>
  </si>
  <si>
    <t>Fencepost, flagpole, clothesline, pole, etc.</t>
  </si>
  <si>
    <t>POST</t>
  </si>
  <si>
    <t>Other human structures (haystack, woodpile).</t>
  </si>
  <si>
    <t>OTH_HM</t>
  </si>
  <si>
    <t>Ground Surface. Bare, vegetated, or debris.</t>
  </si>
  <si>
    <t>GROUND</t>
  </si>
  <si>
    <t>Cliff, sandstone.</t>
  </si>
  <si>
    <t>CLF_SS</t>
  </si>
  <si>
    <t>Cliff, rock.</t>
  </si>
  <si>
    <t>CLF_RK</t>
  </si>
  <si>
    <t>Cliff, limestone.</t>
  </si>
  <si>
    <t>CLF_LI</t>
  </si>
  <si>
    <t>Cliff, granite.</t>
  </si>
  <si>
    <t>CLF_GR</t>
  </si>
  <si>
    <t>Cliff. Includes face, crevices, ledges.</t>
  </si>
  <si>
    <t>CLF</t>
  </si>
  <si>
    <t>Cave.</t>
  </si>
  <si>
    <t>CAVE</t>
  </si>
  <si>
    <t>Bridge.</t>
  </si>
  <si>
    <t>BRIDGE</t>
  </si>
  <si>
    <t>Bank, sand.</t>
  </si>
  <si>
    <t>BNK_SD</t>
  </si>
  <si>
    <t>Bank, gravel.</t>
  </si>
  <si>
    <t>BNK_GR</t>
  </si>
  <si>
    <t>Bank, dirt.</t>
  </si>
  <si>
    <t>BNK_DT</t>
  </si>
  <si>
    <t>Bank, clay.</t>
  </si>
  <si>
    <t>BNK_CL</t>
  </si>
  <si>
    <t>Bank. River banks, hillsides.</t>
  </si>
  <si>
    <t>BNK</t>
  </si>
  <si>
    <t>Unactive building, abandoned, unused.</t>
  </si>
  <si>
    <t>BLD_UN</t>
  </si>
  <si>
    <t>Active building, house, garage, barn.</t>
  </si>
  <si>
    <t>BLD_AC</t>
  </si>
  <si>
    <t>A code indicating the activity of an animal when it was first detected or the activity that caused the sign, e.g., GR._x000D_
INSTRUCTIONS: If observing a group then record the exact, sub sampled, or guesstimated mode activity of all the individuals in the group.</t>
  </si>
  <si>
    <t>A unique identification label assigned to track an individual animal detected more than once during the course of a Sample Station Visit or a Study Area Visit, e.g., T22._x000D_
INSTRUCTIONS: IDs should contain letters, start with a character other than zero, and contain no hyphens. For example, 'AM330' or 'D30' will work well with Excel._x000D_
 Avoid IDs that do not contain letters, begin with zero, or contain hyphens. For example, avoid '003' or '2-5', because Excel may automatically reformat such data.</t>
  </si>
  <si>
    <t>Life stage is unclassified</t>
  </si>
  <si>
    <t>Unclassified</t>
  </si>
  <si>
    <t>UC</t>
  </si>
  <si>
    <t>A code indicating the life stage of an individual, e.g., A._x000D_
INSTRUCTIONS: If observing a group then record the exact, sub sampled, or guesstimated mode life stage of all the individuals in the group.</t>
  </si>
  <si>
    <t>Life stage is described in comments. Note: Describing the data in comments rather than using a predefined code may reduce the clarity and accessibility of data.</t>
  </si>
  <si>
    <t>Pupa</t>
  </si>
  <si>
    <t>Larva</t>
  </si>
  <si>
    <t>Amphibian, bird, insect, and reptile eggs</t>
  </si>
  <si>
    <t>Egg</t>
  </si>
  <si>
    <t>Nestling birds and newly hatched or newborn amphibians, birds, insects, mammals, and reptiles</t>
  </si>
  <si>
    <t>Nestling or neonate</t>
  </si>
  <si>
    <t>Animal is less than one year old and has not yet lived through a winter season.</t>
  </si>
  <si>
    <t>Young of Year</t>
  </si>
  <si>
    <t>YOY</t>
  </si>
  <si>
    <t>Animal is one year, or almost one year old. Animal has lived through one winter season.</t>
  </si>
  <si>
    <t>One Year</t>
  </si>
  <si>
    <t>Animal is two years, or almost two years old. Animal has lived through two winter seasons.</t>
  </si>
  <si>
    <t>Two Years</t>
  </si>
  <si>
    <t>Fledged birds before their first winter, mammals older than neonates but still requiring parental care, and reptiles and amphibians of adult form that are significantly smaller than adult size._x000D_
  Prior to September 2015, the definition of juveniles included larvae (e.g. tadpoles).</t>
  </si>
  <si>
    <t>Juvenile</t>
  </si>
  <si>
    <t>Animal that is older than the juvenile stage, does not require parental care, and has not reached sexual maturity; includes amphibians and reptiles which have not reached adult size, but have adult form; insects have no subadult stage.</t>
  </si>
  <si>
    <t>Subadult</t>
  </si>
  <si>
    <t>Old enough to breed</t>
  </si>
  <si>
    <t>Adult</t>
  </si>
  <si>
    <t>A code indicating the sex of an individual, e.g., M._x000D_
INSTRUCTIONS: If observing a group then record the exact, sub sampled, or guesstimated mode sex of all the individuals in the group.</t>
  </si>
  <si>
    <t>Female</t>
  </si>
  <si>
    <t>Male</t>
  </si>
  <si>
    <t>The duration of a detection, usually sound, in seconds.</t>
  </si>
  <si>
    <t>The distance, in metres, from the detected individual or group to the call station or observer (m).</t>
  </si>
  <si>
    <t>North North West</t>
  </si>
  <si>
    <t>NNW</t>
  </si>
  <si>
    <t>A code indicating the cardinal direction in which an individual or group was first detected, e.g., NW.</t>
  </si>
  <si>
    <t>North West</t>
  </si>
  <si>
    <t>NW</t>
  </si>
  <si>
    <t>West North West</t>
  </si>
  <si>
    <t>WNW</t>
  </si>
  <si>
    <t>West</t>
  </si>
  <si>
    <t>West South West</t>
  </si>
  <si>
    <t>WSW</t>
  </si>
  <si>
    <t>South West</t>
  </si>
  <si>
    <t>SW</t>
  </si>
  <si>
    <t>South South West</t>
  </si>
  <si>
    <t>SSW</t>
  </si>
  <si>
    <t>South</t>
  </si>
  <si>
    <t>South South East</t>
  </si>
  <si>
    <t>SSE</t>
  </si>
  <si>
    <t>South East</t>
  </si>
  <si>
    <t>SE</t>
  </si>
  <si>
    <t>East South East</t>
  </si>
  <si>
    <t>ESE</t>
  </si>
  <si>
    <t>East</t>
  </si>
  <si>
    <t>East North East</t>
  </si>
  <si>
    <t>ENE</t>
  </si>
  <si>
    <t>North East</t>
  </si>
  <si>
    <t>North North East</t>
  </si>
  <si>
    <t>NNE</t>
  </si>
  <si>
    <t>North</t>
  </si>
  <si>
    <t>The direction, in degrees (1-360) from true North, in which the individual or group was detected. True North is represented as 360 degrees, not 0 degrees.</t>
  </si>
  <si>
    <t>The animal, group, or sign was detected due to cues described in comments. Note: Describing the data in comments rather than using a predefined code may reduce the clarity and accessibility of data.</t>
  </si>
  <si>
    <t>A code indicating the method or reason the individual, group, or sign was detected, e.g.,  CA.</t>
  </si>
  <si>
    <t>The animal or group was detected because sign was observed.</t>
  </si>
  <si>
    <t>Sign</t>
  </si>
  <si>
    <t>SI</t>
  </si>
  <si>
    <t>The animal or group was detected because wing beats were heard.</t>
  </si>
  <si>
    <t>Wingbeats</t>
  </si>
  <si>
    <t>WB</t>
  </si>
  <si>
    <t>The animal or group was detected because quacks were heard.</t>
  </si>
  <si>
    <t>Quack</t>
  </si>
  <si>
    <t>QU</t>
  </si>
  <si>
    <t>The animal or group was detected because keer calls were heard.</t>
  </si>
  <si>
    <t>Keer Call</t>
  </si>
  <si>
    <t>KC</t>
  </si>
  <si>
    <t>The animal or group was detected because tapping was heard.</t>
  </si>
  <si>
    <t>Tapping</t>
  </si>
  <si>
    <t>TA</t>
  </si>
  <si>
    <t>The animal or group, or sign was detected because drumming was heard.</t>
  </si>
  <si>
    <t>Drumming</t>
  </si>
  <si>
    <t>The animal or group was detected because singing was heard.</t>
  </si>
  <si>
    <t>Song</t>
  </si>
  <si>
    <t>The animal or group was detected because calls were heard.</t>
  </si>
  <si>
    <t>Call</t>
  </si>
  <si>
    <t>The animal or group was detected by being seen.</t>
  </si>
  <si>
    <t>Visual</t>
  </si>
  <si>
    <t>VI</t>
  </si>
  <si>
    <t>The elapsed time (in seconds) from the first call playback until an animal's first response to the playback.</t>
  </si>
  <si>
    <t>A Y/N indicating whether a responce was elicited from call-playback.</t>
  </si>
  <si>
    <t>The time of a detection in 24 hour format. I.e., the time of animal observation, or detection, or capture, or the time of the Image or Sequence observation._x000D_
INSTRUCTIONS: Use colons (e.g., 13:25). Seconds are permitted (e.g., 13:25:42)._x000D_
For quality assurance reasons you should use a colon because then Excel will automatically recognize it as time information and you will immediately notice obviously incorrect entries such as 26:44. The format that Excel displays does not matter as long as Excel recognizes it as legitimate time information.</t>
  </si>
  <si>
    <t>You may insert additional predefined columns and codes relevant to Marks._x000D_
INSTRUCTIONS: Double-click on the column header again now (while Data-entry Assistant is open) to insert predefined columns and codes relevant to Marks._x000D_
_x000D_
Marks can be entered in either worksheet Survey Observations or Marks of Individuals. Worksheet Marks of Individuals is convenient for multiple Marks per individual.</t>
  </si>
  <si>
    <t>You may insert additional predefined columns and codes relevant to Survey Observations._x000D_
INSTRUCTIONS: Double-click on the column header again now (while Data-entry Assistant is open) to insert predefined columns and codes relevant to Survey Observations.</t>
  </si>
  <si>
    <t>The measured or guesstimated spatial accuracy of the point in meters.</t>
  </si>
  <si>
    <t>The latitude of the observation, in decimal degrees._x000D_
INSTRUCTIONS: Do not enter Long-Lat coordinates if UTM coordinates are provided.</t>
  </si>
  <si>
    <t>The longitude of the observation, in decimal degrees._x000D_
INSTRUCTIONS: Do not enter Long-Lat coordinates if UTM coordinates are provided.</t>
  </si>
  <si>
    <t>The UTM north coordinate in metres._x000D_
INSTRUCTIONS: The value in this field must be a 7-digit number._x000D_
Use these UTM columns for UTMs of individual observations only._x000D_
Do not enter UTMS of Blocks, Sample Stations, or Transects here. If you do not have UTMs of the individual observations, make sure that you use the appropriate 'Block Information',  'Sample Station Information', or 'Transect Information' worksheet to enter UTMs of Blocks, Sample Stations, or Transects._x000D_
Do not enter UTMs if Long-Lats are provided.</t>
  </si>
  <si>
    <t>The UTM east coordinate in metres._x000D_
INSTRUCTIONS: The value in this field must be a 6-digit number._x000D_
Use these UTM columns for UTMs of individual observations only._x000D_
Do not enter UTMS of Blocks, Sample Stations, or Transects here. If you do not have UTMs of the individual observations, make sure that you use the appropriate 'Block Information',  'Sample Station Information', or 'Transect Information' worksheet to enter UTMs of Blocks, Sample Stations, or Transects._x000D_
Do not enter UTMs if Long-Lats are provided.</t>
  </si>
  <si>
    <t>The UTM zone in which the observation occurs._x000D_
INSTRUCTIONS: Use these UTM columns for UTMs of individual observations only._x000D_
Do not enter UTMs of Blocks, Sample Stations, or Transects here. If you do not have UTMs of the individual observations, make sure that you use the appropriate 'Block Information',  'Sample Station Information', or 'Transect Information' worksheet to enter UTMs of Blocks, Sample Stations, or Transects._x000D_
Do not enter UTM coordinates if Long-Lat coordinates are provided.</t>
  </si>
  <si>
    <t>A unique identifier permanently assigned to an animal, independent of possible changes in mark method used._x000D_
INSTRUCTIONS: This data is mandatory if there is telemetry or GPS data for the animal._x000D_
Ideally use IDs that:_x000D_
     - contain letters_x000D_
     - do not start with zero_x000D_
For example, AVOID '003' or '2-5', because data systems (e.g. Excel) often automatically reformat such data.</t>
  </si>
  <si>
    <t>The number of individuals of all life stages._x000D_
Alternatively, a count of 0 (zero), or of 1 (one) may mean that details about numbers are recorded in other columns, such as Sign Count. _x000D_
See project report for details._x000D_
INSTRUCTIONS: If possible, reserve counts of 1 or more for observations of live individuals and reserve 0 for observations of only sign. Zero should also be used for  null-observations (i.e. species code is `NULL? because no live individuals nor sign were observed).</t>
  </si>
  <si>
    <t>The full name (First Last) of one surveyor who provided the data point._x000D_
INSTRUCTIONS: Enter only one surveyor. If there are multiple surveyors for a data point, enter only the primary surveyor.</t>
  </si>
  <si>
    <t>A number that uniquely identifies a Survey Observation (e.g. a rare plant observation) on a field form or in an Excel data file._x000D_
INSTRUCTIONS: This number is mandatory if voucher specimens are collected because it links voucher data to a Survey Observation._x000D_
In general this number is used to link individual Survey Observations to related data on other field forms, or to related data in other Excel worksheets within an Excel data file.</t>
  </si>
  <si>
    <t>Observation #</t>
  </si>
  <si>
    <t>You may insert additional predefined columns and codes relevant to Sampling Conditions._x000D_
INSTRUCTIONS: Double-click on the column header again now (while Data-entry Assistant is open) to insert predefined columns and codes relevant to Sampling Conditions.</t>
  </si>
  <si>
    <t>Sampling Condition</t>
  </si>
  <si>
    <t>Comments about the Sampling Conditions</t>
  </si>
  <si>
    <t>Sampling Condition Comments</t>
  </si>
  <si>
    <t>The water temperature variance in +/- degrees Celsius.</t>
  </si>
  <si>
    <t>Temperature Variance</t>
  </si>
  <si>
    <t>The turbidity of the water as represented by centimeters of visibility measured with a secchi disk (cm) or other instrument.</t>
  </si>
  <si>
    <t>Turbidity (cm)</t>
  </si>
  <si>
    <t>Waning Crescent</t>
  </si>
  <si>
    <t>WnC</t>
  </si>
  <si>
    <t>A code indicating the lunar phase class, e.g., FM.</t>
  </si>
  <si>
    <t>Lunar Phase Code</t>
  </si>
  <si>
    <t>Also called 'half moon', and is waning.</t>
  </si>
  <si>
    <t>Third Quarter</t>
  </si>
  <si>
    <t>TQ</t>
  </si>
  <si>
    <t>Waning Gibbous</t>
  </si>
  <si>
    <t>WnG</t>
  </si>
  <si>
    <t>The entire illuminated portion of the moon is visible.</t>
  </si>
  <si>
    <t>Full Moon</t>
  </si>
  <si>
    <t>FM</t>
  </si>
  <si>
    <t>Waxing Gibbous</t>
  </si>
  <si>
    <t>WxG</t>
  </si>
  <si>
    <t>Also called 'half moon', and is waxing.</t>
  </si>
  <si>
    <t>First Quarter</t>
  </si>
  <si>
    <t>FQ</t>
  </si>
  <si>
    <t>Waxing Crescent</t>
  </si>
  <si>
    <t>WxC</t>
  </si>
  <si>
    <t>The moon is dark. Also called 'dark moon'.</t>
  </si>
  <si>
    <t>New Moon</t>
  </si>
  <si>
    <t>NM</t>
  </si>
  <si>
    <t>The official sunrise time.</t>
  </si>
  <si>
    <t>Official Sunrise</t>
  </si>
  <si>
    <t>Moisture and/or droplets detected on leaves' surfaces.</t>
  </si>
  <si>
    <t>Moist</t>
  </si>
  <si>
    <t>A code indicating the leaf moisture class, e.g. D.</t>
  </si>
  <si>
    <t>Leaf Moisture Code</t>
  </si>
  <si>
    <t>No moisture nor droplets detected on leaves' surfaces.</t>
  </si>
  <si>
    <t>Dry</t>
  </si>
  <si>
    <t>moisture is apparent on ground/vegetation; water is observed if soil/litter is squeezed</t>
  </si>
  <si>
    <t>Wet</t>
  </si>
  <si>
    <t>A code indicating the ground moisture class, e.g., D.</t>
  </si>
  <si>
    <t>Ground Moisture Code</t>
  </si>
  <si>
    <t>moisture is not apparent on ground/vegetation, but soil is moist. Surface litter will stain fingers when rubbed, but no water is apparent when soil/litter is squeezed</t>
  </si>
  <si>
    <t>no apparent moisture on ground/vegetation. Surface litter is dry and will not stain fingers when rubbed</t>
  </si>
  <si>
    <t>The ground surface temperature in degrees Celsius.</t>
  </si>
  <si>
    <t>Ground Temperature (C)</t>
  </si>
  <si>
    <t>Low</t>
  </si>
  <si>
    <t>A code indicating the tide direction, e.g., H.</t>
  </si>
  <si>
    <t>Tide Direction Code</t>
  </si>
  <si>
    <t>Intermediate Flood</t>
  </si>
  <si>
    <t>IF</t>
  </si>
  <si>
    <t>Intermediate Ebb</t>
  </si>
  <si>
    <t>IE</t>
  </si>
  <si>
    <t>High</t>
  </si>
  <si>
    <t>The current wavelet height in centimeters (cm).</t>
  </si>
  <si>
    <t>Wavelet Height (cm)</t>
  </si>
  <si>
    <t>The current swell height in meters (m).</t>
  </si>
  <si>
    <t>Swell Height (m)</t>
  </si>
  <si>
    <t>The sea water surface salinity in parts per thousand (ppt).</t>
  </si>
  <si>
    <t>Sea Surface Salinity (ppt)</t>
  </si>
  <si>
    <t>The sea water surface temperature in degrees Celsius.</t>
  </si>
  <si>
    <t>Sea Surface Temperature (C)</t>
  </si>
  <si>
    <t>Hurricane, 64-71 knots, 45 ft waves.</t>
  </si>
  <si>
    <t>Hurricane</t>
  </si>
  <si>
    <t>A code indicating the strength of the wind, over the sea, using the Beaufort Scale, e.g., 1.</t>
  </si>
  <si>
    <t>Sea Wind Condition Code</t>
  </si>
  <si>
    <t>Violent Storm 53-63 knots, 37 ft waves</t>
  </si>
  <si>
    <t>Violent Storm</t>
  </si>
  <si>
    <t>Storm 48-55 knots, 29 ft waves</t>
  </si>
  <si>
    <t>Storm</t>
  </si>
  <si>
    <t>Strong Gale, 41-47 knots, 23 ft waves.</t>
  </si>
  <si>
    <t>Strong Gale</t>
  </si>
  <si>
    <t>Gale, 34-40 knots, 18 ft. waves.</t>
  </si>
  <si>
    <t>Gale</t>
  </si>
  <si>
    <t>Near Gale, 28-32 knots. 14 ft. waves.</t>
  </si>
  <si>
    <t>Near Gale</t>
  </si>
  <si>
    <t>Strong Breeze, 22-27 knots, 10 ft. waves, longer waves forming, whitecaps everywhere, more spray.</t>
  </si>
  <si>
    <t>Fresh Breeze, 17-21 knots, 16 ft waves, moderate waves, taking longer form, many whitecaps, some spray.</t>
  </si>
  <si>
    <t>Moderate Breeze, 11-16 knots, 4 ft waves, small waves, becoming longer, numerous whitecaps.</t>
  </si>
  <si>
    <t>Gentle Breeze,  7-10 knots, 2 ft. waves, large wavelets, crests begin to break, scattered whitecaps.</t>
  </si>
  <si>
    <t>Light Breeze, 4-6 knots, 1/3 ft. waves, small wavelets, crests of glassy appearance not breaking.</t>
  </si>
  <si>
    <t>Light Air 1-3 knots, 1/4 ft waves, ripples with appearance of scales, no foam crests.</t>
  </si>
  <si>
    <t>Calm 0-1 knots, sea like a mirror</t>
  </si>
  <si>
    <t>The current water temperature in degrees Celsius.</t>
  </si>
  <si>
    <t>Water Temperature (C)</t>
  </si>
  <si>
    <t>Not recorded because information is of no value</t>
  </si>
  <si>
    <t>NR</t>
  </si>
  <si>
    <t>A code indicating the number of days since 5 cm of snow fell. E.g. '3' means less than 14 days.</t>
  </si>
  <si>
    <t>Time Since 5 cm Snow Code</t>
  </si>
  <si>
    <t>More than 14 days, or exactly 14 days, since it snowed last</t>
  </si>
  <si>
    <t>&gt; 14 days</t>
  </si>
  <si>
    <t>Less than 14 days since it snowed last</t>
  </si>
  <si>
    <t>&lt; 14 days</t>
  </si>
  <si>
    <t>Less than 3 days since it snowed last</t>
  </si>
  <si>
    <t>&lt; 3 days</t>
  </si>
  <si>
    <t>Less than half a day since it snowed last</t>
  </si>
  <si>
    <t>&lt; 1/2 day</t>
  </si>
  <si>
    <t>76-100 % of ground covered</t>
  </si>
  <si>
    <t>76-100 %</t>
  </si>
  <si>
    <t>An code indicating the extent of snow cover on the ground. E.g. '3' means 6 to 25%.</t>
  </si>
  <si>
    <t>Snow Cover Code</t>
  </si>
  <si>
    <t>51-75 % of ground covered</t>
  </si>
  <si>
    <t>51-75 %</t>
  </si>
  <si>
    <t>26-50 % of ground covered</t>
  </si>
  <si>
    <t>26-50 %</t>
  </si>
  <si>
    <t>6-25 % of ground covered</t>
  </si>
  <si>
    <t>6-25 %</t>
  </si>
  <si>
    <t>1-5 % of ground covered</t>
  </si>
  <si>
    <t>1-5 %</t>
  </si>
  <si>
    <t>0 % of ground covered</t>
  </si>
  <si>
    <t>&gt;150 cm</t>
  </si>
  <si>
    <t>A code indicating the depth of snow. E.g. '3'  means 6 to 25 cm.</t>
  </si>
  <si>
    <t>Snow Depth Code</t>
  </si>
  <si>
    <t>101-150 cm</t>
  </si>
  <si>
    <t>76-100 cm</t>
  </si>
  <si>
    <t>51-75 cm</t>
  </si>
  <si>
    <t>26-50 cm</t>
  </si>
  <si>
    <t>6-25 cm</t>
  </si>
  <si>
    <t>1-5 cm</t>
  </si>
  <si>
    <t>0 cm</t>
  </si>
  <si>
    <t>A code indicating the extent of cloud cover during the preceding 48 hours, e.g., 3.</t>
  </si>
  <si>
    <t>Prec 48 hr Cloud Cover Code</t>
  </si>
  <si>
    <t>Below Tree Tops</t>
  </si>
  <si>
    <t>BTT</t>
  </si>
  <si>
    <t>A code indicating the height of cloud cover relative to trees and ridges, e.g. VH.</t>
  </si>
  <si>
    <t>Cloud Ceiling Code</t>
  </si>
  <si>
    <t>Above Tree Tops</t>
  </si>
  <si>
    <t>ATT</t>
  </si>
  <si>
    <t>Below Ridge Tops</t>
  </si>
  <si>
    <t>BRT</t>
  </si>
  <si>
    <t>Above Ridge Tops</t>
  </si>
  <si>
    <t>ART</t>
  </si>
  <si>
    <t>Very High</t>
  </si>
  <si>
    <t>VH</t>
  </si>
  <si>
    <t>A code indicating the extent of cloud cover at the start, or end, of sampling, e.g., 2._x000D_
INSTRUCTIONS: By default, all Sampling Conditions are assumed to be recorded for the START of sampling. If conditions are being recorded for the END of sampling, insert column 'Sampling Condition Timing Code' and enter 'END' into the column.</t>
  </si>
  <si>
    <t>Cloud Cover Code</t>
  </si>
  <si>
    <t>Very high altitude wispy clouds</t>
  </si>
  <si>
    <t>Cirrus</t>
  </si>
  <si>
    <t>CI</t>
  </si>
  <si>
    <t>A code indicating the type of clouds, e.g. ST.</t>
  </si>
  <si>
    <t>Cloud Type Code</t>
  </si>
  <si>
    <t>High altitute bands of puffy clouds</t>
  </si>
  <si>
    <t>Cirrocumulus</t>
  </si>
  <si>
    <t>Mid altitute continuous clouds</t>
  </si>
  <si>
    <t>Altostratus</t>
  </si>
  <si>
    <t>AS</t>
  </si>
  <si>
    <t>Mid altitude fluffy clouds</t>
  </si>
  <si>
    <t>Altocumulus</t>
  </si>
  <si>
    <t>AC</t>
  </si>
  <si>
    <t>Big, tall fluffy clouds</t>
  </si>
  <si>
    <t>Cumulus</t>
  </si>
  <si>
    <t>CU</t>
  </si>
  <si>
    <t>Low fluffy clouds</t>
  </si>
  <si>
    <t>Stratocumulus</t>
  </si>
  <si>
    <t>SC</t>
  </si>
  <si>
    <t>Low, heavy rain clouds</t>
  </si>
  <si>
    <t>Nimbostratus</t>
  </si>
  <si>
    <t>NS</t>
  </si>
  <si>
    <t>Low, continuous-cover clouds</t>
  </si>
  <si>
    <t>Stratus</t>
  </si>
  <si>
    <t>A code indicating the type of precipitation that occurred during the preceding 48 hours, e.g., S.</t>
  </si>
  <si>
    <t>Prec 48 hr Precip Code</t>
  </si>
  <si>
    <t>The amount of rain that fell within the last 48 hours (mm).</t>
  </si>
  <si>
    <t>Rainfall over 48 hours (mm)</t>
  </si>
  <si>
    <t>The amount of rainfall that fell within the last 24 hours (mm).</t>
  </si>
  <si>
    <t>Rainfall over 24 hours (mm)</t>
  </si>
  <si>
    <t>A code indicating the type of precipitation that was occuring at the start, or end, of sampling, e.g., D._x000D_
INSTRUCTIONS: By default, all Sampling Conditions are assumed to be recorded for the START of sampling. If conditions are being recorded for the END of sampling, insert column 'Sampling Condition Timing Code' and enter 'END' into the column.</t>
  </si>
  <si>
    <t>Precipitation Code</t>
  </si>
  <si>
    <t>A code indicating the wind speed during the previous 48 hours, e.g., 1.</t>
  </si>
  <si>
    <t>Prec 48 hr Wind Speed Code</t>
  </si>
  <si>
    <t>A code indicating the direction of the wind recorded as a cardinal direction, e.g., NE.</t>
  </si>
  <si>
    <t>Wind Direction Code</t>
  </si>
  <si>
    <t>A code indicating the strength of the wind at the start, or end, of sampling, using the Beaufort Scale, e.g., 1._x000D_
INSTRUCTIONS: By default, all Sampling Conditions are assumed to be recorded for the START of sampling. If conditions are being recorded for the END of sampling, insert column 'Sampling Condition Timing Code' and enter 'END' into the column.</t>
  </si>
  <si>
    <t>Wind Speed Code</t>
  </si>
  <si>
    <t>The air temperature during the previous 48 hours, in degrees Celsius.</t>
  </si>
  <si>
    <t>Prec 48 hr Air Temp (C)</t>
  </si>
  <si>
    <t>The air temperature in degrees Celsius at the start, or end, of sampling, e.g., 15._x000D_
INSTRUCTIONS: By default, all Sampling Conditions are assumed to be recorded for the START of sampling. If conditions are being recorded for the END of sampling, insert column 'Sampling Condition Timing Code' and enter 'END' into the column.</t>
  </si>
  <si>
    <t>Air Temp (C)</t>
  </si>
  <si>
    <t>The date and time for which Sampling Conditions are recorded._x000D_
INSTRUCTIONS: If this is the same as the Sample Station Visit date and time, this may be omitted._x000D_
For clarity, do not use a 2-digit month format nor a 2-digit year format. A reliable format is dd-mmm-yyyy (e.g. '7 Jun 2008' or '7-Jun-2008'). When entering the date into Excel ensure that Excel interprets it as correct date information._x000D_
Similarly, for clarity use a 24 hour time format with colons (e.g. 13:45) and ensure that Excel interprets it correctly.</t>
  </si>
  <si>
    <t>SC DateTime</t>
  </si>
  <si>
    <t>Sampling Conditions were recorded at the END of a Design Component Visit.</t>
  </si>
  <si>
    <t>End</t>
  </si>
  <si>
    <t>END</t>
  </si>
  <si>
    <t>A code indicating the moment for which Sampling Conditions are recorded, e.g. START._x000D_
INSTRUCTIONS: This moment is typically defined as either at the START of a Sample Station Visit, or at the END of a Sample Station Visit.</t>
  </si>
  <si>
    <t>Sampling Condition Timing Code</t>
  </si>
  <si>
    <t>Sampling Conditions were recorded at the START of a Design Component Visit.</t>
  </si>
  <si>
    <t>Start</t>
  </si>
  <si>
    <t>START</t>
  </si>
  <si>
    <t>You may insert additional predefined columns that are relevant to Sample Station Visits._x000D_
INSTRUCTIONS: Double-click on the column header again now (while Data-entry Assistant is open) to insert predefined columns and codes relevant to Block Visits.</t>
  </si>
  <si>
    <t>Sample Station Visit</t>
  </si>
  <si>
    <t>Informative comments and/or notes about the photos, or other Standard Digital Files, associated with a Sample Station Visit.</t>
  </si>
  <si>
    <t>Sample Station Visit Photos Comments</t>
  </si>
  <si>
    <t>A list of photos (or other Standard Digital Files*) that are associated with a vist to, or deployment of, a Sample Station._x000D_
INSTRUCTIONS: To easily add photo names to a cell, right-click on a cell and select 'WSI: Add File Names to Cell'. Photo names must not have spaces._x000D_
To include comments about your photos, add a column named 'Sample Station Visit Photos Comments', and enter your comments._x000D_
*Standard Digital Files are recognized by most operating systems and includes images, videos, and documents in formats such as PNG, JPG, JPEG, GIF, BMP, PDF, MP4, AVI, and TXT.</t>
  </si>
  <si>
    <t>Sample Station Visit Photos</t>
  </si>
  <si>
    <t>Comments about a visit to, or deployment at, a Sample Station.</t>
  </si>
  <si>
    <t>Sample Station Visit Comments</t>
  </si>
  <si>
    <t>The type of bait or lure used to attract species to a trap or detector over the course of a visit to, or deployment at, a Sample Station. Values are freeform, e.g., 'jam', 'peanuts'.</t>
  </si>
  <si>
    <t>Bait Lure Type</t>
  </si>
  <si>
    <t>The set minimum length of video time, in seconds, that a camera should record when triggered.</t>
  </si>
  <si>
    <t>Video Length per Trigger (s)</t>
  </si>
  <si>
    <t>The set number of photos that a camera should record when triggered.</t>
  </si>
  <si>
    <t>Photos per Trigger</t>
  </si>
  <si>
    <t>The set time span, in seconds, between automated regularly-timed recording events.</t>
  </si>
  <si>
    <t>Trigger Timing (s)</t>
  </si>
  <si>
    <t>The setting of the trigger sensitivity of a trap or detector. This is freeform and the names of the settings depend on the make and model of the trap or detector. E.g., medium.</t>
  </si>
  <si>
    <t>Trigger Sensitivity</t>
  </si>
  <si>
    <t>The set minimum time span permitted, in seconds, between the end of a recording event (e.g. photograph or video) and the triggering of a subsequent recording event.</t>
  </si>
  <si>
    <t>Quiet Period (s)</t>
  </si>
  <si>
    <t>A measure of sampling effort; the distance (km) traversed along a transect, during a visit to a Sample Station.</t>
  </si>
  <si>
    <t>Distance Covered (km)</t>
  </si>
  <si>
    <t>A measure of sampling effort; the number of nights that trapping (or other detection techniques) took place over the course of deployment at a Sample Station._x000D_
INSTRUCTIONS: Typically this is the number of nights since the last visit to the Sample Station.</t>
  </si>
  <si>
    <t>Nights Deployed</t>
  </si>
  <si>
    <t>The number of samples or detections (e.g. photos via remote camera) obtained at a  Sample Station over the course of a visit to, or deployment at, the Sample Station.</t>
  </si>
  <si>
    <t>Number of Visits or Samples</t>
  </si>
  <si>
    <t>The number of traps, or other capture/detection mechnisms, that were inoperable or sprung without a capture/detection.</t>
  </si>
  <si>
    <t>Number of Traps Sprung</t>
  </si>
  <si>
    <t>Trap locked open and possibly prebaited</t>
  </si>
  <si>
    <t>Setup</t>
  </si>
  <si>
    <t>SETUP</t>
  </si>
  <si>
    <t>A code indicating the setting of a trap or detector at the end of a visit to the trap or detector, e.g., SET.</t>
  </si>
  <si>
    <t>Trap Event Code</t>
  </si>
  <si>
    <t>Trap activated and ready for capture, or detector activated and ready for detecting.</t>
  </si>
  <si>
    <t>Set</t>
  </si>
  <si>
    <t>SET</t>
  </si>
  <si>
    <t>Trap deactivated, or detector deactivated.</t>
  </si>
  <si>
    <t>Closed</t>
  </si>
  <si>
    <t>CLOSE</t>
  </si>
  <si>
    <t>A code indicating the unit for the amount of time spanned during a visit to, or deployment at, a Sample Station, e.g., M.</t>
  </si>
  <si>
    <t>Unit of Total Time Code</t>
  </si>
  <si>
    <t>A measure of sampling effort; it is the amount of active sampling time spanned during a visit to, or deployment at, a Sample Station. If multiple surveyors or devices are involved during a visit or deployment, then this may be the totalled time spans._x000D_
E.g., If multiple surveyors are searching, then this may be the totalled searching time spans of the surveyors._x000D_
E.g., If multiple cameras are deployed at one Sample Station, then this may be the totalled functioning time spans of the multiple cameras._x000D_
INSTRUCTIONS: Decimals are not accepted. Use a smaller time unit if needed to obtain integer numbers.</t>
  </si>
  <si>
    <t>Total Visit or Deployment Time</t>
  </si>
  <si>
    <t>The time at the end of a visit to, or deployment at, a Sample Station._x000D_
INSTRUCTIONS: Use colons (e.g. 13:25).
 For quality assurance reasons you should use a colon because then Excel will automatically recognize it as time information and you will immediately notice obviously incorrect entries such as 26:44. The format that Excel displays does not matter as long as Excel recognizes it as legitimate time information.</t>
  </si>
  <si>
    <t>The date at the end of visit to, or deployment at, a Sample Station.</t>
  </si>
  <si>
    <t>Visit End Date</t>
  </si>
  <si>
    <t>The time, in 24 hour format, at the start of a visit to a Sample Station, or the time at the start of deployment (e.g. of a trap or detector) at a Sample Station._x000D_
INSTRUCTIONS: Use colons (e.g. 13:25)._x000D_
For quality assurance reasons you should use a colon because then Excel will automatically recognize it as time information and you will immediately notice obviously incorrect entries such as 26:44. The format that Excel displays does not matter as long as Excel recognizes it as legitimate time information.</t>
  </si>
  <si>
    <t>The date of a visit to a Sample Station, or the date of the start of a deployment (e.g., of a trap or detector) at a Sample Station._x000D_
INSTRUCTIONS: The date may not span days._x000D_
For clarity, on your field forms do not use a 2-digit month format nor a 2-digit year format. A reliable format is dd-mmm-yyyy (e.g. '7 Jun 2008' or '7-Jun-2008'). When entering the date into Excel ensure that Excel interprets it as correct date information.</t>
  </si>
  <si>
    <t>Survey Stratum</t>
  </si>
  <si>
    <t>A description of the criteria that defines a stratum._x000D_
INSTRUCTIONS: E.g. low means 5-35 elk, medium means 35-85 elk, high means &gt;85 elk; S1 means young forest and shrubby areas, S2 means forests &gt;40 years old._x000D_
This description needs to be provided only once for each stratum.</t>
  </si>
  <si>
    <t>A unique label of a stratum. E.g. 'high', 'medium', 'low' or 'S1', 'S2', 'S3', etc._x000D_
INSTRUCTIONS: Enter the label of the stratum in which the Sample Station is situated.</t>
  </si>
  <si>
    <t>You may insert additional predefined columns and codes relevant to Sample Stations._x000D_
INSTRUCTIONS: Double-click on the column header again now (while Data-entry Assistant is open) to insert predefined columns and codes relevant to Sample Stations.</t>
  </si>
  <si>
    <t>Informative comments and/or notes about the photos, or other Standard Digital Files, associated with a Sample Station.</t>
  </si>
  <si>
    <t>Sample Station Photos Comments</t>
  </si>
  <si>
    <t>A list of photos (or other Standard Digital Files*) that are associated with a Sample Station._x000D_
INSTRUCTIONS: To easily add photo names to a cell, right-click on a cell and select 'WSI: Add File Names to Cell'. Photo names must not have spaces._x000D_
To include comments about your photos, add a column named 'Sample Station Photos Comments' and enter your comments._x000D_
*Standard Digital Files are recognized by most operating systems and includes images, videos, and documents in formats such as PNG, JPG, JPEG, GIF, BMP, PDF, MP4, AVI, and TXT.</t>
  </si>
  <si>
    <t>Informative comment(s) about a Sample Station.</t>
  </si>
  <si>
    <t>The name of the model of a trap or detector. Values are freeform. E.g. 'SM4', 'PC900'.</t>
  </si>
  <si>
    <t>Model of Device</t>
  </si>
  <si>
    <t>Wildgame Innovations</t>
  </si>
  <si>
    <t>WI</t>
  </si>
  <si>
    <t>A code indicating the make or brand of a trap or detector. E.g. 'RE'.</t>
  </si>
  <si>
    <t>Make of Device Code</t>
  </si>
  <si>
    <t>Wildlife Acoustics</t>
  </si>
  <si>
    <t>WA</t>
  </si>
  <si>
    <t>Titley Scientific</t>
  </si>
  <si>
    <t>TrailMaster</t>
  </si>
  <si>
    <t>TM</t>
  </si>
  <si>
    <t>Stealth Cam</t>
  </si>
  <si>
    <t>Spypoint</t>
  </si>
  <si>
    <t>SP</t>
  </si>
  <si>
    <t>Spartan</t>
  </si>
  <si>
    <t>SN</t>
  </si>
  <si>
    <t>RidgeTec</t>
  </si>
  <si>
    <t>RT</t>
  </si>
  <si>
    <t>Reconyx</t>
  </si>
  <si>
    <t>Moultrie</t>
  </si>
  <si>
    <t>MO</t>
  </si>
  <si>
    <t>LTL Acorn</t>
  </si>
  <si>
    <t>LA</t>
  </si>
  <si>
    <t>Covert</t>
  </si>
  <si>
    <t>Cabelas</t>
  </si>
  <si>
    <t>Bushnell</t>
  </si>
  <si>
    <t>Browning</t>
  </si>
  <si>
    <t>BR</t>
  </si>
  <si>
    <t>The height of a trap in cm.</t>
  </si>
  <si>
    <t>Trap Height (cm)</t>
  </si>
  <si>
    <t>The width of a trap in cm.</t>
  </si>
  <si>
    <t>Trap Width (cm)</t>
  </si>
  <si>
    <t>The length of a trap in cm.</t>
  </si>
  <si>
    <t>Trap Length (cm)</t>
  </si>
  <si>
    <t>The number of devices (e.g., traps, or detectors, or cameras) in/at a Sample Station.</t>
  </si>
  <si>
    <t>Number of Devices</t>
  </si>
  <si>
    <t>Arthropod - Search (lookup/look down)</t>
  </si>
  <si>
    <t>Arthropod - Search</t>
  </si>
  <si>
    <t>SRCH</t>
  </si>
  <si>
    <t>A code indicating the type of device. E.g., the type of trap or detector.</t>
  </si>
  <si>
    <t>Type of Device Code</t>
  </si>
  <si>
    <t>Arthropod - Beating &amp;/or Sweeping</t>
  </si>
  <si>
    <t>SWEP</t>
  </si>
  <si>
    <t>Arthropod - Litter Sifting</t>
  </si>
  <si>
    <t>SIFT</t>
  </si>
  <si>
    <t>Arthropod - Light Trap</t>
  </si>
  <si>
    <t>LGHT</t>
  </si>
  <si>
    <t>Arthropod -Soil Core</t>
  </si>
  <si>
    <t>CORE</t>
  </si>
  <si>
    <t>Arthropod - Pan/Window Trap</t>
  </si>
  <si>
    <t>PAN</t>
  </si>
  <si>
    <t>Arthropod - Flight Trap</t>
  </si>
  <si>
    <t>FLT</t>
  </si>
  <si>
    <t>Trap - Snare</t>
  </si>
  <si>
    <t>Trap - Snare trap</t>
  </si>
  <si>
    <t>SNAR</t>
  </si>
  <si>
    <t>Trap - Snap trap</t>
  </si>
  <si>
    <t>SNAP</t>
  </si>
  <si>
    <t>Trap - padded leg hold trap</t>
  </si>
  <si>
    <t>Trap - Leg hold trap</t>
  </si>
  <si>
    <t>LEG</t>
  </si>
  <si>
    <t>Trap - Harp trap (bats)</t>
  </si>
  <si>
    <t>Trap - Harp Trap</t>
  </si>
  <si>
    <t>HARP</t>
  </si>
  <si>
    <t>Trap - Artificial Cover Object (salamanders)</t>
  </si>
  <si>
    <t>Trap - Artificial Cover Object</t>
  </si>
  <si>
    <t>ACO</t>
  </si>
  <si>
    <t>Trap - Throw trap (amphibian larvae)</t>
  </si>
  <si>
    <t>Trap - Throw trap</t>
  </si>
  <si>
    <t>THRO</t>
  </si>
  <si>
    <t>Trap - Minnow trap (pond breeding amphibians)</t>
  </si>
  <si>
    <t>Trap - Minnow trap</t>
  </si>
  <si>
    <t>MINN</t>
  </si>
  <si>
    <t>Trap - Funnel trap</t>
  </si>
  <si>
    <t>FUNN</t>
  </si>
  <si>
    <t>Trap - Any walk-in containment trap (Bolton, Havahart, Longworth, box, barrel, culvert, corral, etc) generally has a door that opens and closes.</t>
  </si>
  <si>
    <t>Trap - Containment trap</t>
  </si>
  <si>
    <t>CAGE</t>
  </si>
  <si>
    <t>Pitfall - Floating pitfall trap (pond turtles)</t>
  </si>
  <si>
    <t>Pitfall - Floating pitfall trap</t>
  </si>
  <si>
    <t>FPIT</t>
  </si>
  <si>
    <t>Pitfall - Basic pitfall trap (a hole in the ground into which an animal falls)</t>
  </si>
  <si>
    <t>Pitfall - Pitfall</t>
  </si>
  <si>
    <t>PIT</t>
  </si>
  <si>
    <t>Net - Seine net</t>
  </si>
  <si>
    <t>SEIN</t>
  </si>
  <si>
    <t>Net - Mist Net</t>
  </si>
  <si>
    <t>Net - Mist net</t>
  </si>
  <si>
    <t>MIST</t>
  </si>
  <si>
    <t>Net - Net (handheld;dip)</t>
  </si>
  <si>
    <t>Net - Dip net</t>
  </si>
  <si>
    <t>NDIP</t>
  </si>
  <si>
    <t>Net - Drop net (ungulates)</t>
  </si>
  <si>
    <t>Net - Net gun</t>
  </si>
  <si>
    <t>NGUN</t>
  </si>
  <si>
    <t>Net - Drop net</t>
  </si>
  <si>
    <t>DROP</t>
  </si>
  <si>
    <t>Detector - Baited/scented station for collecting tracks (may use track plates, sand or snow)</t>
  </si>
  <si>
    <t>Detector - Track station</t>
  </si>
  <si>
    <t>TRCK</t>
  </si>
  <si>
    <t>Detector - Remotely operated camera station</t>
  </si>
  <si>
    <t>Detector - Camera station</t>
  </si>
  <si>
    <t>CAMR</t>
  </si>
  <si>
    <t>Hair snag trap of a type described in comments.
Note: Describing the data in comments rather than using a predefined code may reduce the clarity and accessibility of data.</t>
  </si>
  <si>
    <t>Hair - Described in Comments</t>
  </si>
  <si>
    <t>HR-DC</t>
  </si>
  <si>
    <t>Hair snag trap made carpet laying spiked boards</t>
  </si>
  <si>
    <t>Hair - carpet boards</t>
  </si>
  <si>
    <t>HR-CA</t>
  </si>
  <si>
    <t>Hair snag trap made from Velcro</t>
  </si>
  <si>
    <t>Hair - Velcro</t>
  </si>
  <si>
    <t>HR-VE</t>
  </si>
  <si>
    <t>Hair snag trap comprised of no barbed wired, but only comprised of a rub surface.</t>
  </si>
  <si>
    <t>Hair - no barbed wire - rub surface</t>
  </si>
  <si>
    <t>HR-NB-RS</t>
  </si>
  <si>
    <t>Hair snag trap made from barbed wire mounted alongside or on a trail the animal uses.</t>
  </si>
  <si>
    <t>Hair - barbed wire on trail</t>
  </si>
  <si>
    <t>HR-BA-TR</t>
  </si>
  <si>
    <t>Hair snag trap made from barbed wire attached to a surface an animal uses for rubbing against.</t>
  </si>
  <si>
    <t>Hair - barbed wire on a rub surface</t>
  </si>
  <si>
    <t>HR-BA-RS</t>
  </si>
  <si>
    <t>Hair snag trap made from barbed wire mounted around, alongside or near a location to which animals are attracted with bait.</t>
  </si>
  <si>
    <t>Hair - barbed wire at bait station</t>
  </si>
  <si>
    <t>HR-BA-BS</t>
  </si>
  <si>
    <t>Hair snag trap made from barbed wire</t>
  </si>
  <si>
    <t>Hair - barbed wire</t>
  </si>
  <si>
    <t>HR-BA</t>
  </si>
  <si>
    <t>Hair snag trap (e.g. barbed wire, Velcro, sticky stuff). Type of hair snag trap not specified.</t>
  </si>
  <si>
    <t>Hair - general</t>
  </si>
  <si>
    <t>HR-GE</t>
  </si>
  <si>
    <t>Capture - by darting a free roaming animal</t>
  </si>
  <si>
    <t>Capture - Dart capture</t>
  </si>
  <si>
    <t>DART</t>
  </si>
  <si>
    <t>The type of Sampling Station, described using free-form text.</t>
  </si>
  <si>
    <t>Station Type</t>
  </si>
  <si>
    <t>The distance a Sample Station (e.g., a transect, a sample station) is from the nearest shore, in km. Distances are always positive regardless of whether the Sample Station is on/in water or on land.</t>
  </si>
  <si>
    <t>Distance To Shore (km)</t>
  </si>
  <si>
    <t>The latitude of the centroid of a Block, or the latitude of the location of a Sample Station, Trap, or Detector, in decimal degrees._x000D_
INSTRUCTIONS: Do not enter Long-Lat coordinates if UTM coordinates are provided.</t>
  </si>
  <si>
    <t>The longitude of the centroid of a Block, or the longitude of the location of a Sample Station, Trap, or Detector, in decimal degrees._x000D_
INSTRUCTIONS: Do not enter Long-Lat coordinates if UTM coordinates are provided.</t>
  </si>
  <si>
    <t>The UTM northing of the centroid of a Block, or the UTM northing of the location of a Sample Station, Trap, or Detector._x000D_
INSTRUCTIONS: UTM coordinates must be recorded using NAD 83 datum._x000D_
Do not enter UTM coordinates if Long-Lat coordinates are provided.</t>
  </si>
  <si>
    <t>The UTM easting of the centroid of a Block, or the UTM easting of the location of a Sample Station, Trap, or Detector._x000D_
INSTRUCTIONS: UTM coordinates must be recorded using NAD 83 datum._x000D_
Do not enter UTM coordinates if Long-Lat coordinates are provided.</t>
  </si>
  <si>
    <t>The UTM zone of the centroid of a Block, or the UTM zone of the location of a Sample Station, Trap, or Detector._x000D_
INSTRUCTIONS: Do not enter UTM coordinates if Long-Lat coordinates are provided.</t>
  </si>
  <si>
    <t>The label of the 'parent' Sample Station; i.e., the label of the Sample Station within which a Sample Station is nested; i.e., the label of the Sample Station that is one hierarchical level higher. If Sample Stations are not nested, this will be empty._x000D_
INSTRUCTIONS: Spatial polygons and lines must be submited for all Blocks and Transects respectively._x000D_
If your design involves nesting, enter the label of the parent Sample Station. For example, if Block C is nested within Block B and Block B is nested within Block A, the parent Blocks are Block B and Block A, respectively._x000D_
If Sample Stations are not nested, this will be empty.</t>
  </si>
  <si>
    <t>Parent Sample Station Label</t>
  </si>
  <si>
    <t>Informative comments and/or notes about the photos, or other Standard Digital Files, associated with a Study Area.</t>
  </si>
  <si>
    <t>Study Area Photos Comments</t>
  </si>
  <si>
    <t>A list of photos (or other Standard Digital Files*) that are associated with a Study Area._x000D_
INSTRUCTIONS: To easily add photo names to a cell, right-click on a cell and select 'WSI: Add File Names to Cell'. Photo names must not have spaces._x000D_
To include comments about your photos, add a column named 'Study Area Photos Comments' and enter your comments._x000D_
*Standard Digital Files are recognized by most operating systems and includes images, videos, and documents in formats such as PNG, JPG, JPEG, GIF, BMP, PDF, MP4, AVI, and TXT.</t>
  </si>
  <si>
    <t>Study Area Visit</t>
  </si>
  <si>
    <t>Informative comments about a Sampling Session.</t>
  </si>
  <si>
    <t>The date, and optionally time, when a Sampling Session was ended._x000D_
INSTRUCTIONS: For clarity, do not use a 2-digit month format nor a 2-digit year format. A reliable format is dd-mmm-yyyy (e.g. '7 Jun 2008' or '7-Jun-2008'). When entering the date into Excel ensure that Excel interprets it as correct date information._x000D_
Similarly, for clarity use a 24 hour time format with colons (e.g. 13:45) and ensure that Excel interprets it correctly.</t>
  </si>
  <si>
    <t>The total number of marked animals detected during the course of a Sampling Session.</t>
  </si>
  <si>
    <t>The number of marked animals available to be detected during the course of a Sampling Session.</t>
  </si>
  <si>
    <t>The date, and optionally time, when a Sampling Session was started._x000D_
INSTRUCTIONS: For clarity, do not use a 2-digit month format nor a 2-digit year format. A reliable format is dd-mmm-yyyy (e.g. '7 Jun 2008' or '7-Jun-2008'). When entering the date into Excel ensure that Excel interprets it as correct date information._x000D_
Similarly, for clarity use a 24 hour time format with colons (e.g. 13:45) and ensure that Excel interprets it correctly.</t>
  </si>
  <si>
    <t>Aerial vantage</t>
  </si>
  <si>
    <t>Aerial</t>
  </si>
  <si>
    <t>AERIAL</t>
  </si>
  <si>
    <t>A code indicating the place, position or vehicle from which a Sampling Session was conducted, e.g., AERIAL.</t>
  </si>
  <si>
    <t>Boat vantage</t>
  </si>
  <si>
    <t>Boat</t>
  </si>
  <si>
    <t>BOAT</t>
  </si>
  <si>
    <t>Vehicle vantage</t>
  </si>
  <si>
    <t>Vehicle</t>
  </si>
  <si>
    <t>VEHICLE</t>
  </si>
  <si>
    <t>Walking vantage</t>
  </si>
  <si>
    <t>Walking</t>
  </si>
  <si>
    <t>WALKING</t>
  </si>
  <si>
    <t>Survey</t>
  </si>
  <si>
    <t>The name of a Survey._x000D_
INSTRUCTIONS: Generally the Survey Name should be meaningful in terms of the target taxa, geographic area and calendar year for which the Survey is being conducted._x000D_
Format is Survey Year - Species - Survey Intent and/or Field Method - Study Area (location)._x000D_
E.g., 2016 - Mule Deer - Spotlight Count - Vancouver Island._x000D_
If the entire scope of the Project consists of only this survey, then the Survey Name may be the same as the Project Name.</t>
  </si>
  <si>
    <t>Project</t>
  </si>
  <si>
    <t>The name of the species inventory Project._x000D_
INSTRUCTIONS: Format is Start Year-End Year - Species (or species group) - General Survey Intent and/or Field Method - Project Boundary (location) - FLNRO Region._x000D_
E.g., 1976-ongoing - Roosevelt Elk - Population Count - Vancouver Island - West Coast Region</t>
  </si>
  <si>
    <t>A unique numeric SPI-generated identifier permanently assigned to a Project. Project IDs are assigned after Projects are submitted here: www.gov.bc.ca/submit-wildlife-data.</t>
  </si>
  <si>
    <t>Column For</t>
  </si>
  <si>
    <t>Code Description</t>
  </si>
  <si>
    <t>Code Meaning</t>
  </si>
  <si>
    <t>Code for in Column</t>
  </si>
  <si>
    <t>Column Description</t>
  </si>
  <si>
    <t>Column Name</t>
  </si>
  <si>
    <t>Add your column name here</t>
  </si>
  <si>
    <t>Add your column description here</t>
  </si>
  <si>
    <t>Add new codes here</t>
  </si>
  <si>
    <t>Add code meanings here</t>
  </si>
  <si>
    <t>Add code descriptions here</t>
  </si>
  <si>
    <t>ditto</t>
  </si>
  <si>
    <t>A label that uniquely identifies a tree within a Project, e.g., Tree01.
INSTRUCTIONS: If a tree is to be described in detail, use the data-template for Bird Nest &amp; Tree Descriptions.
Avoid using Labels that do not contain letters and start with zero or contain hyphens. For example, avoid '003' or '2-5', because data systems (e.g. Excel) sometimes automatically reformat such data.</t>
  </si>
  <si>
    <t>A label that uniquely identifies a nest within a Project, e.g., Nest01.
INSTRUCTIONS: If a nest is to be described in detail, or visited multiple times, use the data-templates for Bird Nest &amp; Tree Descriptions or Bird Nest Visits.
Avoid using Labels that do not contain letters and start with zero or contain hyphens. For example, avoid '003' or '2-5', because data systems (e.g. Excel) sometimes automatically reformat such data.</t>
  </si>
  <si>
    <t>Paired Flag</t>
  </si>
  <si>
    <t>An Y/N indicating whether an individual animal is believed to be paired (vs. single).</t>
  </si>
  <si>
    <t>Informative comments and/or notes about the audio files, photos, or other Standard Digital Files, associated with a Survey Observation.</t>
  </si>
  <si>
    <t>A list of audio files (or other Standard Digital Files*) that are associated with a Survey Observation.
INSTRUCTIONS: To easily add audio file or photo names to a cell, right-click on a cell and select 'WSI: Add File Names to Cell'. File names must not have spaces.
To include comments about your audio files or photos, add a column named 'Survey Observation Audio File Comments' and enter your comments.
*Standard Digital Files are recognized by most operating systems and includes images, videos, and documents in formats such as PNG, JPG, JPEG, GIF, BMP, PDF, MP4, AVI, and TXT.</t>
  </si>
  <si>
    <t>Survey Observation Audio Files</t>
  </si>
  <si>
    <t>Survey Observation Audio Files Comment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color theme="1"/>
      <name val="Calibri"/>
      <family val="2"/>
      <scheme val="minor"/>
    </font>
    <font>
      <sz val="10"/>
      <name val="Arial"/>
      <family val="2"/>
    </font>
    <font>
      <sz val="12"/>
      <name val="Arial"/>
      <family val="2"/>
    </font>
    <font>
      <b/>
      <sz val="10"/>
      <name val="Arial"/>
      <family val="2"/>
    </font>
    <font>
      <sz val="12"/>
      <color rgb="FF339966"/>
      <name val="Arial"/>
      <family val="2"/>
    </font>
    <font>
      <b/>
      <sz val="9"/>
      <name val="Arial"/>
      <family val="2"/>
    </font>
    <font>
      <sz val="9"/>
      <name val="Arial"/>
      <family val="2"/>
    </font>
  </fonts>
  <fills count="4">
    <fill>
      <patternFill patternType="none"/>
    </fill>
    <fill>
      <patternFill patternType="gray125"/>
    </fill>
    <fill>
      <patternFill patternType="solid">
        <fgColor rgb="FFFFFFBD"/>
        <bgColor indexed="64"/>
      </patternFill>
    </fill>
    <fill>
      <patternFill patternType="solid">
        <fgColor rgb="FFD8E4BC"/>
        <bgColor indexed="64"/>
      </patternFill>
    </fill>
  </fills>
  <borders count="11">
    <border>
      <left/>
      <right/>
      <top/>
      <bottom/>
      <diagonal/>
    </border>
    <border>
      <left style="hair">
        <color indexed="64"/>
      </left>
      <right style="hair">
        <color indexed="64"/>
      </right>
      <top style="hair">
        <color indexed="64"/>
      </top>
      <bottom style="hair">
        <color indexed="64"/>
      </bottom>
      <diagonal/>
    </border>
    <border>
      <left/>
      <right style="hair">
        <color indexed="64"/>
      </right>
      <top/>
      <bottom style="hair">
        <color indexed="64"/>
      </bottom>
      <diagonal/>
    </border>
    <border>
      <left style="hair">
        <color indexed="64"/>
      </left>
      <right style="hair">
        <color indexed="64"/>
      </right>
      <top/>
      <bottom style="hair">
        <color indexed="64"/>
      </bottom>
      <diagonal/>
    </border>
    <border>
      <left/>
      <right style="hair">
        <color indexed="64"/>
      </right>
      <top style="hair">
        <color indexed="64"/>
      </top>
      <bottom style="hair">
        <color indexed="64"/>
      </bottom>
      <diagonal/>
    </border>
    <border>
      <left/>
      <right style="hair">
        <color indexed="64"/>
      </right>
      <top style="thick">
        <color indexed="64"/>
      </top>
      <bottom style="hair">
        <color indexed="64"/>
      </bottom>
      <diagonal/>
    </border>
    <border>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hair">
        <color indexed="64"/>
      </right>
      <top style="thick">
        <color indexed="64"/>
      </top>
      <bottom style="hair">
        <color indexed="64"/>
      </bottom>
      <diagonal/>
    </border>
    <border>
      <left/>
      <right style="hair">
        <color indexed="64"/>
      </right>
      <top style="thick">
        <color indexed="64"/>
      </top>
      <bottom/>
      <diagonal/>
    </border>
    <border>
      <left style="hair">
        <color indexed="64"/>
      </left>
      <right style="hair">
        <color indexed="64"/>
      </right>
      <top style="thick">
        <color indexed="64"/>
      </top>
      <bottom/>
      <diagonal/>
    </border>
  </borders>
  <cellStyleXfs count="1">
    <xf numFmtId="0" fontId="0" fillId="0" borderId="0"/>
  </cellStyleXfs>
  <cellXfs count="42">
    <xf numFmtId="0" fontId="0" fillId="0" borderId="0" xfId="0"/>
    <xf numFmtId="0" fontId="2" fillId="0" borderId="1" xfId="0" applyFont="1" applyBorder="1" applyAlignment="1" applyProtection="1">
      <alignment textRotation="90" wrapText="1"/>
      <protection locked="0"/>
    </xf>
    <xf numFmtId="0" fontId="1" fillId="0" borderId="0" xfId="0" applyFont="1" applyAlignment="1" applyProtection="1">
      <protection locked="0"/>
    </xf>
    <xf numFmtId="0" fontId="2" fillId="2" borderId="1" xfId="0" applyFont="1" applyFill="1" applyBorder="1" applyAlignment="1" applyProtection="1">
      <alignment textRotation="90" wrapText="1"/>
    </xf>
    <xf numFmtId="0" fontId="2" fillId="0" borderId="1" xfId="0" applyFont="1" applyBorder="1" applyAlignment="1" applyProtection="1">
      <alignment textRotation="90" wrapText="1"/>
    </xf>
    <xf numFmtId="0" fontId="2" fillId="3" borderId="1" xfId="0" applyFont="1" applyFill="1" applyBorder="1" applyAlignment="1" applyProtection="1">
      <alignment textRotation="90" wrapText="1"/>
    </xf>
    <xf numFmtId="0" fontId="4" fillId="0" borderId="1" xfId="0" applyFont="1" applyBorder="1" applyAlignment="1" applyProtection="1">
      <alignment textRotation="90" wrapText="1"/>
    </xf>
    <xf numFmtId="0" fontId="3" fillId="0" borderId="0" xfId="0" applyFont="1" applyAlignment="1" applyProtection="1">
      <protection locked="0"/>
    </xf>
    <xf numFmtId="49" fontId="1" fillId="0" borderId="0" xfId="0" applyNumberFormat="1" applyFont="1" applyAlignment="1" applyProtection="1">
      <protection locked="0"/>
    </xf>
    <xf numFmtId="0" fontId="3" fillId="0" borderId="0" xfId="0" applyFont="1" applyAlignment="1" applyProtection="1"/>
    <xf numFmtId="49" fontId="3" fillId="0" borderId="0" xfId="0" applyNumberFormat="1" applyFont="1" applyAlignment="1" applyProtection="1"/>
    <xf numFmtId="0" fontId="2" fillId="2" borderId="1" xfId="0" applyFont="1" applyFill="1" applyBorder="1" applyAlignment="1" applyProtection="1">
      <alignment horizontal="center" textRotation="90" wrapText="1"/>
    </xf>
    <xf numFmtId="0" fontId="5" fillId="0" borderId="2" xfId="0" applyFont="1" applyBorder="1" applyAlignment="1" applyProtection="1">
      <alignment horizontal="left" vertical="top" wrapText="1"/>
    </xf>
    <xf numFmtId="0" fontId="5" fillId="0" borderId="3" xfId="0" applyFont="1" applyBorder="1" applyAlignment="1" applyProtection="1">
      <alignment horizontal="left" vertical="top" wrapText="1"/>
    </xf>
    <xf numFmtId="0" fontId="5" fillId="0" borderId="3" xfId="0" applyFont="1" applyBorder="1" applyAlignment="1" applyProtection="1">
      <alignment horizontal="left" vertical="top" wrapText="1"/>
      <protection locked="0"/>
    </xf>
    <xf numFmtId="0" fontId="6" fillId="0" borderId="4" xfId="0" applyFont="1" applyBorder="1" applyAlignment="1" applyProtection="1">
      <alignment horizontal="left" vertical="top" wrapText="1"/>
    </xf>
    <xf numFmtId="0" fontId="6" fillId="0" borderId="1" xfId="0" applyFont="1" applyBorder="1" applyAlignment="1" applyProtection="1">
      <alignment horizontal="left" vertical="top" wrapText="1"/>
    </xf>
    <xf numFmtId="0" fontId="6" fillId="0" borderId="1" xfId="0" applyFont="1" applyBorder="1" applyAlignment="1" applyProtection="1">
      <alignment horizontal="left" vertical="top" wrapText="1"/>
      <protection locked="0"/>
    </xf>
    <xf numFmtId="0" fontId="6" fillId="0" borderId="4" xfId="0" applyFont="1" applyBorder="1" applyAlignment="1" applyProtection="1">
      <alignment horizontal="left" vertical="top" wrapText="1"/>
      <protection locked="0"/>
    </xf>
    <xf numFmtId="0" fontId="5" fillId="0" borderId="3" xfId="0" applyNumberFormat="1" applyFont="1" applyBorder="1" applyAlignment="1" applyProtection="1">
      <alignment horizontal="left" vertical="top" wrapText="1"/>
    </xf>
    <xf numFmtId="0" fontId="6" fillId="0" borderId="1" xfId="0" applyNumberFormat="1" applyFont="1" applyBorder="1" applyAlignment="1" applyProtection="1">
      <alignment horizontal="left" vertical="top" wrapText="1"/>
    </xf>
    <xf numFmtId="0" fontId="6" fillId="0" borderId="1" xfId="0" applyNumberFormat="1" applyFont="1" applyBorder="1" applyAlignment="1" applyProtection="1">
      <alignment horizontal="left" vertical="top" wrapText="1"/>
      <protection locked="0"/>
    </xf>
    <xf numFmtId="0" fontId="6" fillId="0" borderId="6" xfId="0" applyFont="1" applyBorder="1" applyAlignment="1" applyProtection="1">
      <alignment horizontal="left" vertical="top" wrapText="1"/>
    </xf>
    <xf numFmtId="0" fontId="6" fillId="0" borderId="7" xfId="0" applyNumberFormat="1" applyFont="1" applyBorder="1" applyAlignment="1" applyProtection="1">
      <alignment horizontal="left" vertical="top" wrapText="1"/>
    </xf>
    <xf numFmtId="0" fontId="6" fillId="0" borderId="7" xfId="0" applyFont="1" applyBorder="1" applyAlignment="1" applyProtection="1">
      <alignment horizontal="left" vertical="top" wrapText="1"/>
    </xf>
    <xf numFmtId="0" fontId="6" fillId="0" borderId="5" xfId="0" applyFont="1" applyBorder="1" applyAlignment="1" applyProtection="1">
      <alignment horizontal="left" vertical="top" wrapText="1"/>
    </xf>
    <xf numFmtId="0" fontId="6" fillId="0" borderId="8" xfId="0" applyNumberFormat="1" applyFont="1" applyBorder="1" applyAlignment="1" applyProtection="1">
      <alignment horizontal="left" vertical="top" wrapText="1"/>
    </xf>
    <xf numFmtId="0" fontId="6" fillId="0" borderId="8" xfId="0" applyFont="1" applyBorder="1" applyAlignment="1" applyProtection="1">
      <alignment horizontal="left" vertical="top" wrapText="1"/>
    </xf>
    <xf numFmtId="0" fontId="6" fillId="0" borderId="9" xfId="0" applyFont="1" applyBorder="1" applyAlignment="1" applyProtection="1">
      <alignment horizontal="left" vertical="top" wrapText="1"/>
    </xf>
    <xf numFmtId="0" fontId="6" fillId="0" borderId="10" xfId="0" applyNumberFormat="1" applyFont="1" applyBorder="1" applyAlignment="1" applyProtection="1">
      <alignment horizontal="left" vertical="top" wrapText="1"/>
    </xf>
    <xf numFmtId="0" fontId="6" fillId="0" borderId="10" xfId="0" applyFont="1" applyBorder="1" applyAlignment="1" applyProtection="1">
      <alignment horizontal="left" vertical="top" wrapText="1"/>
    </xf>
    <xf numFmtId="9" fontId="6" fillId="0" borderId="8" xfId="0" applyNumberFormat="1" applyFont="1" applyBorder="1" applyAlignment="1" applyProtection="1">
      <alignment horizontal="left" vertical="top" wrapText="1"/>
    </xf>
    <xf numFmtId="0" fontId="6" fillId="0" borderId="5" xfId="0" applyFont="1" applyBorder="1" applyAlignment="1" applyProtection="1">
      <alignment horizontal="left" vertical="top" wrapText="1"/>
      <protection locked="0"/>
    </xf>
    <xf numFmtId="0" fontId="6" fillId="0" borderId="8" xfId="0" applyNumberFormat="1"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1" xfId="0" applyFont="1" applyBorder="1" applyAlignment="1">
      <alignment horizontal="left" vertical="top" wrapText="1"/>
    </xf>
    <xf numFmtId="0" fontId="6" fillId="0" borderId="5" xfId="0" applyFont="1" applyBorder="1" applyAlignment="1">
      <alignment horizontal="left" vertical="top" wrapText="1"/>
    </xf>
    <xf numFmtId="0" fontId="6" fillId="0" borderId="8" xfId="0" applyFont="1" applyBorder="1" applyAlignment="1">
      <alignment horizontal="left" vertical="top" wrapText="1"/>
    </xf>
    <xf numFmtId="0" fontId="6" fillId="0" borderId="4" xfId="0" applyFont="1" applyBorder="1" applyAlignment="1">
      <alignment horizontal="left" vertical="top" wrapText="1"/>
    </xf>
    <xf numFmtId="0" fontId="6" fillId="0" borderId="6" xfId="0" applyFont="1" applyBorder="1" applyAlignment="1">
      <alignment horizontal="left" vertical="top" wrapText="1"/>
    </xf>
    <xf numFmtId="0" fontId="6" fillId="0" borderId="7" xfId="0" applyFont="1" applyBorder="1" applyAlignment="1">
      <alignment horizontal="left" vertical="top" wrapText="1"/>
    </xf>
    <xf numFmtId="0" fontId="2" fillId="0" borderId="1" xfId="0" applyFont="1" applyBorder="1" applyAlignment="1">
      <alignment textRotation="90"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microsoft.com/office/2006/relationships/vbaProject" Target="vbaProject.bin"/><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_rels/drawing1.xml.rels><?xml version="1.0" encoding="UTF-8" standalone="yes"?>
<Relationships xmlns="http://schemas.openxmlformats.org/package/2006/relationships"><Relationship Id="rId1" Type="http://schemas.openxmlformats.org/officeDocument/2006/relationships/hyperlink" Target="https://www2.gov.bc.ca/gov/content/environment/plants-animals-ecosystems/wildlife/wildlife-data-information/search-for-wildlife-data-information" TargetMode="External"/></Relationships>
</file>

<file path=xl/drawings/_rels/drawing2.xml.rels><?xml version="1.0" encoding="UTF-8" standalone="yes"?>
<Relationships xmlns="http://schemas.openxmlformats.org/package/2006/relationships"><Relationship Id="rId1" Type="http://schemas.openxmlformats.org/officeDocument/2006/relationships/hyperlink" Target="https://www2.gov.bc.ca/assets/gov/environment/natural-resource-stewardship/nr-laws-policy/risc/spifml20.pdf" TargetMode="External"/></Relationships>
</file>

<file path=xl/drawings/drawing1.xml><?xml version="1.0" encoding="utf-8"?>
<xdr:wsDr xmlns:xdr="http://schemas.openxmlformats.org/drawingml/2006/spreadsheetDrawing" xmlns:a="http://schemas.openxmlformats.org/drawingml/2006/main">
  <xdr:twoCellAnchor editAs="absolute">
    <xdr:from>
      <xdr:col>0</xdr:col>
      <xdr:colOff>254000</xdr:colOff>
      <xdr:row>2</xdr:row>
      <xdr:rowOff>107950</xdr:rowOff>
    </xdr:from>
    <xdr:to>
      <xdr:col>14</xdr:col>
      <xdr:colOff>457200</xdr:colOff>
      <xdr:row>10</xdr:row>
      <xdr:rowOff>114300</xdr:rowOff>
    </xdr:to>
    <xdr:sp macro="" textlink="">
      <xdr:nvSpPr>
        <xdr:cNvPr id="2" name="TextBox 1">
          <a:extLst>
            <a:ext uri="{FF2B5EF4-FFF2-40B4-BE49-F238E27FC236}">
              <a16:creationId xmlns:a16="http://schemas.microsoft.com/office/drawing/2014/main" id="{90E76E25-4EA7-450A-BFC9-C2CDA935B048}"/>
            </a:ext>
          </a:extLst>
        </xdr:cNvPr>
        <xdr:cNvSpPr txBox="1"/>
      </xdr:nvSpPr>
      <xdr:spPr>
        <a:xfrm>
          <a:off x="254000" y="1651000"/>
          <a:ext cx="6604000" cy="1301750"/>
        </a:xfrm>
        <a:prstGeom prst="rect">
          <a:avLst/>
        </a:prstGeom>
        <a:solidFill>
          <a:schemeClr val="lt1"/>
        </a:solidFill>
        <a:ln w="9525" cmpd="sng">
          <a:solidFill>
            <a:srgbClr val="000000"/>
          </a:solidFill>
        </a:ln>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en-US" sz="1100" b="1"/>
            <a:t>Survey Information</a:t>
          </a:r>
          <a:r>
            <a:rPr lang="en-US" sz="1100"/>
            <a:t>. This worksheet is for recording high-level information about a Survey.
 For Mark Recapture/Resight Surveys, also use the columns for Sampling Sessions (e.g., Sampling Session Start Datetime, Marked Animals Available). Record one row of data for each Sampling Session. Observations from each Sampling Session should be entered into separate Survey Observations worksheets.
*To copy a worksheet, right-click on the worksheet tab and select Move or Copy.</a:t>
          </a:r>
        </a:p>
      </xdr:txBody>
    </xdr:sp>
    <xdr:clientData/>
  </xdr:twoCellAnchor>
  <xdr:twoCellAnchor>
    <xdr:from>
      <xdr:col>1</xdr:col>
      <xdr:colOff>0</xdr:colOff>
      <xdr:row>12</xdr:row>
      <xdr:rowOff>133350</xdr:rowOff>
    </xdr:from>
    <xdr:to>
      <xdr:col>12</xdr:col>
      <xdr:colOff>120015</xdr:colOff>
      <xdr:row>18</xdr:row>
      <xdr:rowOff>45720</xdr:rowOff>
    </xdr:to>
    <xdr:grpSp>
      <xdr:nvGrpSpPr>
        <xdr:cNvPr id="3" name="Group 2">
          <a:extLst>
            <a:ext uri="{FF2B5EF4-FFF2-40B4-BE49-F238E27FC236}">
              <a16:creationId xmlns:a16="http://schemas.microsoft.com/office/drawing/2014/main" id="{4635D602-B06E-4C63-A0AF-AE7F290DBBAA}"/>
            </a:ext>
          </a:extLst>
        </xdr:cNvPr>
        <xdr:cNvGrpSpPr/>
      </xdr:nvGrpSpPr>
      <xdr:grpSpPr>
        <a:xfrm>
          <a:off x="266700" y="3295650"/>
          <a:ext cx="5034915" cy="883920"/>
          <a:chOff x="704850" y="4400549"/>
          <a:chExt cx="5034915" cy="883920"/>
        </a:xfrm>
      </xdr:grpSpPr>
      <xdr:sp macro="" textlink="">
        <xdr:nvSpPr>
          <xdr:cNvPr id="4" name="TextBox 3">
            <a:extLst>
              <a:ext uri="{FF2B5EF4-FFF2-40B4-BE49-F238E27FC236}">
                <a16:creationId xmlns:a16="http://schemas.microsoft.com/office/drawing/2014/main" id="{968EFDB8-A3D9-4F95-9B32-E74E7407BB03}"/>
              </a:ext>
            </a:extLst>
          </xdr:cNvPr>
          <xdr:cNvSpPr txBox="1"/>
        </xdr:nvSpPr>
        <xdr:spPr>
          <a:xfrm>
            <a:off x="704850" y="4400549"/>
            <a:ext cx="5034915" cy="88392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lang="en-CA" sz="1100" b="1">
                <a:solidFill>
                  <a:schemeClr val="dk1"/>
                </a:solidFill>
                <a:effectLst/>
                <a:latin typeface="+mn-lt"/>
                <a:ea typeface="+mn-ea"/>
                <a:cs typeface="+mn-cs"/>
              </a:rPr>
              <a:t>FYI</a:t>
            </a:r>
            <a:r>
              <a:rPr lang="en-CA" sz="1100">
                <a:solidFill>
                  <a:schemeClr val="dk1"/>
                </a:solidFill>
                <a:effectLst/>
                <a:latin typeface="+mn-lt"/>
                <a:ea typeface="+mn-ea"/>
                <a:cs typeface="+mn-cs"/>
              </a:rPr>
              <a:t>. After this Excel</a:t>
            </a:r>
            <a:r>
              <a:rPr lang="en-CA" sz="1100" baseline="0">
                <a:solidFill>
                  <a:schemeClr val="dk1"/>
                </a:solidFill>
                <a:effectLst/>
                <a:latin typeface="+mn-lt"/>
                <a:ea typeface="+mn-ea"/>
                <a:cs typeface="+mn-cs"/>
              </a:rPr>
              <a:t> file is submitted to the Wildlife Species Inventory program, the data is extracted, cleaned, parsed, and copied into the SPI database. Subsequently, this original Excel file starts becoming obsolete, and all the data becomes accessible as described at webpage </a:t>
            </a:r>
          </a:p>
        </xdr:txBody>
      </xdr:sp>
      <xdr:sp macro="" textlink="">
        <xdr:nvSpPr>
          <xdr:cNvPr id="5" name="TextBox 4">
            <a:hlinkClick xmlns:r="http://schemas.openxmlformats.org/officeDocument/2006/relationships" r:id="rId1"/>
            <a:extLst>
              <a:ext uri="{FF2B5EF4-FFF2-40B4-BE49-F238E27FC236}">
                <a16:creationId xmlns:a16="http://schemas.microsoft.com/office/drawing/2014/main" id="{D3618B3F-1CBC-4384-9F77-67360CCB1219}"/>
              </a:ext>
            </a:extLst>
          </xdr:cNvPr>
          <xdr:cNvSpPr txBox="1"/>
        </xdr:nvSpPr>
        <xdr:spPr>
          <a:xfrm>
            <a:off x="2274565" y="4966498"/>
            <a:ext cx="2364238" cy="181594"/>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lIns="0" tIns="0" rIns="0" bIns="0" rtlCol="0" anchor="t"/>
          <a:lstStyle/>
          <a:p>
            <a:r>
              <a:rPr lang="en-CA" sz="1100" baseline="0">
                <a:solidFill>
                  <a:schemeClr val="accent1">
                    <a:lumMod val="75000"/>
                  </a:schemeClr>
                </a:solidFill>
                <a:effectLst/>
                <a:latin typeface="+mn-lt"/>
                <a:ea typeface="+mn-ea"/>
                <a:cs typeface="+mn-cs"/>
              </a:rPr>
              <a:t>Search for Wildlife Data &amp; Information.</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editAs="oneCell">
    <xdr:from>
      <xdr:col>3</xdr:col>
      <xdr:colOff>238125</xdr:colOff>
      <xdr:row>0</xdr:row>
      <xdr:rowOff>66675</xdr:rowOff>
    </xdr:from>
    <xdr:to>
      <xdr:col>7</xdr:col>
      <xdr:colOff>123825</xdr:colOff>
      <xdr:row>0</xdr:row>
      <xdr:rowOff>342900</xdr:rowOff>
    </xdr:to>
    <xdr:sp macro="" textlink="">
      <xdr:nvSpPr>
        <xdr:cNvPr id="3" name="TextBox 2">
          <a:extLst>
            <a:ext uri="{FF2B5EF4-FFF2-40B4-BE49-F238E27FC236}">
              <a16:creationId xmlns:a16="http://schemas.microsoft.com/office/drawing/2014/main" id="{E380A17A-B680-4C4A-AE9C-40D5D789DCDF}"/>
            </a:ext>
          </a:extLst>
        </xdr:cNvPr>
        <xdr:cNvSpPr txBox="1"/>
      </xdr:nvSpPr>
      <xdr:spPr>
        <a:xfrm>
          <a:off x="1228725" y="66675"/>
          <a:ext cx="1714500" cy="276225"/>
        </a:xfrm>
        <a:prstGeom prst="rect">
          <a:avLst/>
        </a:prstGeom>
        <a:solidFill>
          <a:schemeClr val="bg1"/>
        </a:solidFill>
        <a:ln w="9525" cmpd="sng">
          <a:solidFill>
            <a:schemeClr val="lt1">
              <a:shade val="50000"/>
            </a:schemeClr>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pPr algn="ctr"/>
          <a:r>
            <a:rPr lang="en-CA" sz="900">
              <a:latin typeface="Tahoma" panose="020B0604030504040204" pitchFamily="34" charset="0"/>
              <a:ea typeface="Tahoma" panose="020B0604030504040204" pitchFamily="34" charset="0"/>
              <a:cs typeface="Tahoma" panose="020B0604030504040204" pitchFamily="34" charset="0"/>
            </a:rPr>
            <a:t>For each row, enter only UTMs or only Long-Lats; not both.</a:t>
          </a:r>
        </a:p>
      </xdr:txBody>
    </xdr:sp>
    <xdr:clientData/>
  </xdr:twoCellAnchor>
  <xdr:twoCellAnchor editAs="absolute">
    <xdr:from>
      <xdr:col>0</xdr:col>
      <xdr:colOff>257175</xdr:colOff>
      <xdr:row>11</xdr:row>
      <xdr:rowOff>95250</xdr:rowOff>
    </xdr:from>
    <xdr:to>
      <xdr:col>15</xdr:col>
      <xdr:colOff>285751</xdr:colOff>
      <xdr:row>26</xdr:row>
      <xdr:rowOff>38100</xdr:rowOff>
    </xdr:to>
    <xdr:sp macro="" textlink="">
      <xdr:nvSpPr>
        <xdr:cNvPr id="4" name="TextBox 3">
          <a:extLst>
            <a:ext uri="{FF2B5EF4-FFF2-40B4-BE49-F238E27FC236}">
              <a16:creationId xmlns:a16="http://schemas.microsoft.com/office/drawing/2014/main" id="{638F0235-3DD7-4021-87DF-92F1CA0CFAE8}"/>
            </a:ext>
          </a:extLst>
        </xdr:cNvPr>
        <xdr:cNvSpPr txBox="1"/>
      </xdr:nvSpPr>
      <xdr:spPr>
        <a:xfrm>
          <a:off x="257175" y="3181350"/>
          <a:ext cx="6657976" cy="237172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rtl="0"/>
          <a:r>
            <a:rPr lang="en-CA" sz="1100" b="1" i="0">
              <a:solidFill>
                <a:schemeClr val="dk1"/>
              </a:solidFill>
              <a:latin typeface="+mn-lt"/>
              <a:ea typeface="+mn-ea"/>
              <a:cs typeface="Arial" pitchFamily="34" charset="0"/>
            </a:rPr>
            <a:t>General Instructions</a:t>
          </a:r>
          <a:endParaRPr lang="en-CA" sz="1100" b="1">
            <a:latin typeface="+mn-lt"/>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rgbClr val="FF0000"/>
              </a:solidFill>
              <a:latin typeface="+mn-lt"/>
              <a:ea typeface="+mn-ea"/>
              <a:cs typeface="Arial" pitchFamily="34" charset="0"/>
            </a:rPr>
            <a:t>- You </a:t>
          </a:r>
          <a:r>
            <a:rPr lang="en-CA" sz="1100" b="1" i="0">
              <a:solidFill>
                <a:srgbClr val="FF0000"/>
              </a:solidFill>
              <a:latin typeface="+mn-lt"/>
              <a:ea typeface="+mn-ea"/>
              <a:cs typeface="Arial" pitchFamily="34" charset="0"/>
            </a:rPr>
            <a:t>must</a:t>
          </a:r>
          <a:r>
            <a:rPr lang="en-CA" sz="1100" b="0" i="0">
              <a:solidFill>
                <a:srgbClr val="FF0000"/>
              </a:solidFill>
              <a:latin typeface="+mn-lt"/>
              <a:ea typeface="+mn-ea"/>
              <a:cs typeface="Arial" pitchFamily="34" charset="0"/>
            </a:rPr>
            <a:t> use</a:t>
          </a:r>
          <a:r>
            <a:rPr lang="en-CA" sz="1100" b="0" i="0" baseline="0">
              <a:solidFill>
                <a:srgbClr val="FF0000"/>
              </a:solidFill>
              <a:latin typeface="+mn-lt"/>
              <a:ea typeface="+mn-ea"/>
              <a:cs typeface="Arial" pitchFamily="34" charset="0"/>
            </a:rPr>
            <a:t> valid codes.</a:t>
          </a:r>
          <a:br>
            <a:rPr lang="en-CA" sz="1100" b="0" i="0" baseline="0">
              <a:solidFill>
                <a:srgbClr val="FF0000"/>
              </a:solidFill>
              <a:latin typeface="+mn-lt"/>
              <a:ea typeface="+mn-ea"/>
              <a:cs typeface="Arial" pitchFamily="34" charset="0"/>
            </a:rPr>
          </a:br>
          <a:r>
            <a:rPr lang="en-CA" sz="1100" b="0" i="0" baseline="0">
              <a:solidFill>
                <a:srgbClr val="FF0000"/>
              </a:solidFill>
              <a:latin typeface="+mn-lt"/>
              <a:ea typeface="+mn-ea"/>
              <a:cs typeface="Arial" pitchFamily="34" charset="0"/>
            </a:rPr>
            <a:t>      - To automatically access the codes and definitions by double-clicking, you must </a:t>
          </a:r>
          <a:r>
            <a:rPr lang="en-CA" sz="1100" b="1" i="0" baseline="0">
              <a:solidFill>
                <a:srgbClr val="FF0000"/>
              </a:solidFill>
              <a:latin typeface="+mn-lt"/>
              <a:ea typeface="+mn-ea"/>
              <a:cs typeface="Arial" pitchFamily="34" charset="0"/>
            </a:rPr>
            <a:t>ENABLE MACROS </a:t>
          </a:r>
          <a:endParaRPr lang="en-CA" sz="1100" b="1">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To manually access the codes and definitions, go to the worksheet named 'Predefined Columns and Codes'</a:t>
          </a:r>
          <a:endParaRPr lang="en-CA" sz="1100" b="0">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You can print the worksheet named 'Predefined Columns and Codes'</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multiple codes or numbers in one cell</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codes or numbers with any other characters such as commas, hyphens, etc.</a:t>
          </a:r>
          <a:endParaRPr lang="en-CA" sz="1100" b="0">
            <a:solidFill>
              <a:srgbClr val="FF0000"/>
            </a:solidFill>
            <a:latin typeface="+mn-lt"/>
            <a:ea typeface="+mn-ea"/>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chemeClr val="dk1"/>
              </a:solidFill>
              <a:latin typeface="+mn-lt"/>
              <a:ea typeface="+mn-ea"/>
              <a:cs typeface="Arial" pitchFamily="34" charset="0"/>
            </a:rPr>
            <a:t>- To remove this information box, right-click on its border and select 'Cut'</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ellow columns are mandatory</a:t>
          </a:r>
          <a:endParaRPr lang="en-CA" sz="1100">
            <a:latin typeface="+mn-lt"/>
            <a:cs typeface="Arial" pitchFamily="34" charset="0"/>
          </a:endParaRPr>
        </a:p>
        <a:p>
          <a:pPr rtl="0"/>
          <a:r>
            <a:rPr lang="en-CA" sz="1100" b="0" i="0">
              <a:solidFill>
                <a:schemeClr val="dk1"/>
              </a:solidFill>
              <a:latin typeface="+mn-lt"/>
              <a:ea typeface="+mn-ea"/>
              <a:cs typeface="Arial" pitchFamily="34" charset="0"/>
            </a:rPr>
            <a:t>- Column headings must not be changed.</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ou may delete or hide non-yellow columns that you don't need</a:t>
          </a:r>
          <a:endParaRPr lang="en-CA" sz="1100">
            <a:latin typeface="+mn-lt"/>
            <a:cs typeface="Arial" pitchFamily="34" charset="0"/>
          </a:endParaRPr>
        </a:p>
        <a:p>
          <a:endParaRPr lang="en-CA" sz="1000">
            <a:latin typeface="Arial" pitchFamily="34" charset="0"/>
            <a:cs typeface="Arial" pitchFamily="34" charset="0"/>
          </a:endParaRPr>
        </a:p>
      </xdr:txBody>
    </xdr:sp>
    <xdr:clientData/>
  </xdr:twoCellAnchor>
  <xdr:twoCellAnchor>
    <xdr:from>
      <xdr:col>0</xdr:col>
      <xdr:colOff>254000</xdr:colOff>
      <xdr:row>2</xdr:row>
      <xdr:rowOff>22225</xdr:rowOff>
    </xdr:from>
    <xdr:to>
      <xdr:col>15</xdr:col>
      <xdr:colOff>279400</xdr:colOff>
      <xdr:row>9</xdr:row>
      <xdr:rowOff>31750</xdr:rowOff>
    </xdr:to>
    <xdr:grpSp>
      <xdr:nvGrpSpPr>
        <xdr:cNvPr id="6" name="Group 5">
          <a:extLst>
            <a:ext uri="{FF2B5EF4-FFF2-40B4-BE49-F238E27FC236}">
              <a16:creationId xmlns:a16="http://schemas.microsoft.com/office/drawing/2014/main" id="{1A3E349F-CF87-4882-8F46-F257D1997D71}"/>
            </a:ext>
          </a:extLst>
        </xdr:cNvPr>
        <xdr:cNvGrpSpPr/>
      </xdr:nvGrpSpPr>
      <xdr:grpSpPr>
        <a:xfrm>
          <a:off x="254000" y="1651000"/>
          <a:ext cx="6654800" cy="1143000"/>
          <a:chOff x="254000" y="1651000"/>
          <a:chExt cx="6654800" cy="1143000"/>
        </a:xfrm>
      </xdr:grpSpPr>
      <xdr:sp macro="" textlink="">
        <xdr:nvSpPr>
          <xdr:cNvPr id="2" name="TextBox 1">
            <a:extLst>
              <a:ext uri="{FF2B5EF4-FFF2-40B4-BE49-F238E27FC236}">
                <a16:creationId xmlns:a16="http://schemas.microsoft.com/office/drawing/2014/main" id="{29808E64-F31C-45E8-8E52-444F7B9B9A72}"/>
              </a:ext>
            </a:extLst>
          </xdr:cNvPr>
          <xdr:cNvSpPr txBox="1"/>
        </xdr:nvSpPr>
        <xdr:spPr>
          <a:xfrm>
            <a:off x="254000" y="1651000"/>
            <a:ext cx="6654800" cy="1143000"/>
          </a:xfrm>
          <a:prstGeom prst="rect">
            <a:avLst/>
          </a:prstGeom>
          <a:solidFill>
            <a:schemeClr val="lt1"/>
          </a:solidFill>
          <a:ln w="9525" cmpd="sng">
            <a:solidFill>
              <a:srgbClr val="000000"/>
            </a:solidFill>
          </a:ln>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en-US" sz="1100" b="1"/>
              <a:t>Design Component - Sample Stations</a:t>
            </a:r>
            <a:r>
              <a:rPr lang="en-US" sz="1100"/>
              <a:t>. This worksheet is for recording data about Sample Stations. A Sample Station is one point in space used as the basis for collection of data.
A Sample Station is a type of Design Component. See section 2.2 of 
</a:t>
            </a:r>
          </a:p>
        </xdr:txBody>
      </xdr:sp>
      <xdr:sp macro="" textlink="">
        <xdr:nvSpPr>
          <xdr:cNvPr id="5" name="TextBox 4">
            <a:hlinkClick xmlns:r="http://schemas.openxmlformats.org/officeDocument/2006/relationships" r:id="rId1"/>
            <a:extLst>
              <a:ext uri="{FF2B5EF4-FFF2-40B4-BE49-F238E27FC236}">
                <a16:creationId xmlns:a16="http://schemas.microsoft.com/office/drawing/2014/main" id="{A2A9DCA7-DD0F-4C1A-98A0-23457BFE7AAD}"/>
              </a:ext>
            </a:extLst>
          </xdr:cNvPr>
          <xdr:cNvSpPr txBox="1"/>
        </xdr:nvSpPr>
        <xdr:spPr>
          <a:xfrm>
            <a:off x="4200525" y="2038350"/>
            <a:ext cx="1876426" cy="1619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lIns="0" tIns="0" rIns="0" bIns="0" rtlCol="0" anchor="t"/>
          <a:lstStyle/>
          <a:p>
            <a:r>
              <a:rPr lang="en-CA" sz="1100" baseline="0">
                <a:solidFill>
                  <a:schemeClr val="accent1">
                    <a:lumMod val="75000"/>
                  </a:schemeClr>
                </a:solidFill>
                <a:effectLst/>
                <a:latin typeface="+mn-lt"/>
                <a:ea typeface="+mn-ea"/>
                <a:cs typeface="+mn-cs"/>
              </a:rPr>
              <a:t>Species Inventory Fundamentals.</a:t>
            </a:r>
          </a:p>
        </xdr:txBody>
      </xdr:sp>
    </xdr:grpSp>
    <xdr:clientData/>
  </xdr:twoCellAnchor>
</xdr:wsDr>
</file>

<file path=xl/drawings/drawing3.xml><?xml version="1.0" encoding="utf-8"?>
<xdr:wsDr xmlns:xdr="http://schemas.openxmlformats.org/drawingml/2006/spreadsheetDrawing" xmlns:a="http://schemas.openxmlformats.org/drawingml/2006/main">
  <xdr:twoCellAnchor editAs="absolute">
    <xdr:from>
      <xdr:col>0</xdr:col>
      <xdr:colOff>254000</xdr:colOff>
      <xdr:row>2</xdr:row>
      <xdr:rowOff>41275</xdr:rowOff>
    </xdr:from>
    <xdr:to>
      <xdr:col>14</xdr:col>
      <xdr:colOff>12700</xdr:colOff>
      <xdr:row>7</xdr:row>
      <xdr:rowOff>66675</xdr:rowOff>
    </xdr:to>
    <xdr:sp macro="" textlink="">
      <xdr:nvSpPr>
        <xdr:cNvPr id="2" name="TextBox 1">
          <a:extLst>
            <a:ext uri="{FF2B5EF4-FFF2-40B4-BE49-F238E27FC236}">
              <a16:creationId xmlns:a16="http://schemas.microsoft.com/office/drawing/2014/main" id="{0E6777B7-6FB3-4170-8734-AA1730AC09A2}"/>
            </a:ext>
          </a:extLst>
        </xdr:cNvPr>
        <xdr:cNvSpPr txBox="1"/>
      </xdr:nvSpPr>
      <xdr:spPr>
        <a:xfrm>
          <a:off x="254000" y="1908175"/>
          <a:ext cx="6654800" cy="835025"/>
        </a:xfrm>
        <a:prstGeom prst="rect">
          <a:avLst/>
        </a:prstGeom>
        <a:solidFill>
          <a:schemeClr val="lt1"/>
        </a:solidFill>
        <a:ln w="9525" cmpd="sng">
          <a:solidFill>
            <a:srgbClr val="000000"/>
          </a:solidFill>
        </a:ln>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en-US" sz="1100" b="1"/>
            <a:t>Sample Station</a:t>
          </a:r>
          <a:r>
            <a:rPr lang="en-US" sz="1100" b="1" baseline="0"/>
            <a:t> Visits</a:t>
          </a:r>
          <a:r>
            <a:rPr lang="en-US" sz="1100"/>
            <a:t>. This worksheet is for recording data about visits to Sample Stations.
A </a:t>
          </a:r>
          <a:r>
            <a:rPr lang="en-US" sz="1100">
              <a:solidFill>
                <a:schemeClr val="dk1"/>
              </a:solidFill>
              <a:effectLst/>
              <a:latin typeface="+mn-lt"/>
              <a:ea typeface="+mn-ea"/>
              <a:cs typeface="+mn-cs"/>
            </a:rPr>
            <a:t>Sample Station</a:t>
          </a:r>
          <a:r>
            <a:rPr lang="en-US" sz="1100" baseline="0">
              <a:solidFill>
                <a:schemeClr val="dk1"/>
              </a:solidFill>
              <a:effectLst/>
              <a:latin typeface="+mn-lt"/>
              <a:ea typeface="+mn-ea"/>
              <a:cs typeface="+mn-cs"/>
            </a:rPr>
            <a:t> V</a:t>
          </a:r>
          <a:r>
            <a:rPr lang="en-US" sz="1100"/>
            <a:t>isit is defined by column Visit Start Date, and optionally Visit Start Time, Visit End Date, and Visit End Time.</a:t>
          </a:r>
        </a:p>
      </xdr:txBody>
    </xdr:sp>
    <xdr:clientData/>
  </xdr:twoCellAnchor>
  <xdr:twoCellAnchor editAs="absolute">
    <xdr:from>
      <xdr:col>1</xdr:col>
      <xdr:colOff>0</xdr:colOff>
      <xdr:row>9</xdr:row>
      <xdr:rowOff>104775</xdr:rowOff>
    </xdr:from>
    <xdr:to>
      <xdr:col>14</xdr:col>
      <xdr:colOff>28576</xdr:colOff>
      <xdr:row>24</xdr:row>
      <xdr:rowOff>47625</xdr:rowOff>
    </xdr:to>
    <xdr:sp macro="" textlink="">
      <xdr:nvSpPr>
        <xdr:cNvPr id="3" name="TextBox 2">
          <a:extLst>
            <a:ext uri="{FF2B5EF4-FFF2-40B4-BE49-F238E27FC236}">
              <a16:creationId xmlns:a16="http://schemas.microsoft.com/office/drawing/2014/main" id="{76CB5CFD-97C9-4F91-95A0-F95E18110B37}"/>
            </a:ext>
          </a:extLst>
        </xdr:cNvPr>
        <xdr:cNvSpPr txBox="1"/>
      </xdr:nvSpPr>
      <xdr:spPr>
        <a:xfrm>
          <a:off x="266700" y="3105150"/>
          <a:ext cx="6657976" cy="237172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rtl="0"/>
          <a:r>
            <a:rPr lang="en-CA" sz="1100" b="1" i="0">
              <a:solidFill>
                <a:schemeClr val="dk1"/>
              </a:solidFill>
              <a:latin typeface="+mn-lt"/>
              <a:ea typeface="+mn-ea"/>
              <a:cs typeface="Arial" pitchFamily="34" charset="0"/>
            </a:rPr>
            <a:t>General Instructions</a:t>
          </a:r>
          <a:endParaRPr lang="en-CA" sz="1100" b="1">
            <a:latin typeface="+mn-lt"/>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rgbClr val="FF0000"/>
              </a:solidFill>
              <a:latin typeface="+mn-lt"/>
              <a:ea typeface="+mn-ea"/>
              <a:cs typeface="Arial" pitchFamily="34" charset="0"/>
            </a:rPr>
            <a:t>- You </a:t>
          </a:r>
          <a:r>
            <a:rPr lang="en-CA" sz="1100" b="1" i="0">
              <a:solidFill>
                <a:srgbClr val="FF0000"/>
              </a:solidFill>
              <a:latin typeface="+mn-lt"/>
              <a:ea typeface="+mn-ea"/>
              <a:cs typeface="Arial" pitchFamily="34" charset="0"/>
            </a:rPr>
            <a:t>must</a:t>
          </a:r>
          <a:r>
            <a:rPr lang="en-CA" sz="1100" b="0" i="0">
              <a:solidFill>
                <a:srgbClr val="FF0000"/>
              </a:solidFill>
              <a:latin typeface="+mn-lt"/>
              <a:ea typeface="+mn-ea"/>
              <a:cs typeface="Arial" pitchFamily="34" charset="0"/>
            </a:rPr>
            <a:t> use</a:t>
          </a:r>
          <a:r>
            <a:rPr lang="en-CA" sz="1100" b="0" i="0" baseline="0">
              <a:solidFill>
                <a:srgbClr val="FF0000"/>
              </a:solidFill>
              <a:latin typeface="+mn-lt"/>
              <a:ea typeface="+mn-ea"/>
              <a:cs typeface="Arial" pitchFamily="34" charset="0"/>
            </a:rPr>
            <a:t> valid codes.</a:t>
          </a:r>
          <a:br>
            <a:rPr lang="en-CA" sz="1100" b="0" i="0" baseline="0">
              <a:solidFill>
                <a:srgbClr val="FF0000"/>
              </a:solidFill>
              <a:latin typeface="+mn-lt"/>
              <a:ea typeface="+mn-ea"/>
              <a:cs typeface="Arial" pitchFamily="34" charset="0"/>
            </a:rPr>
          </a:br>
          <a:r>
            <a:rPr lang="en-CA" sz="1100" b="0" i="0" baseline="0">
              <a:solidFill>
                <a:srgbClr val="FF0000"/>
              </a:solidFill>
              <a:latin typeface="+mn-lt"/>
              <a:ea typeface="+mn-ea"/>
              <a:cs typeface="Arial" pitchFamily="34" charset="0"/>
            </a:rPr>
            <a:t>      - To automatically access the codes and definitions by double-clicking, you must </a:t>
          </a:r>
          <a:r>
            <a:rPr lang="en-CA" sz="1100" b="1" i="0" baseline="0">
              <a:solidFill>
                <a:srgbClr val="FF0000"/>
              </a:solidFill>
              <a:latin typeface="+mn-lt"/>
              <a:ea typeface="+mn-ea"/>
              <a:cs typeface="Arial" pitchFamily="34" charset="0"/>
            </a:rPr>
            <a:t>ENABLE MACROS </a:t>
          </a:r>
          <a:endParaRPr lang="en-CA" sz="1100" b="1">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To manually access the codes and definitions, go to the worksheet named 'Predefined Columns and Codes'</a:t>
          </a:r>
          <a:endParaRPr lang="en-CA" sz="1100" b="0">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You can print the worksheet named 'Predefined Columns and Codes'</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multiple codes or numbers in one cell</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codes or numbers with any other characters such as commas, hyphens, etc.</a:t>
          </a:r>
          <a:endParaRPr lang="en-CA" sz="1100" b="0">
            <a:solidFill>
              <a:srgbClr val="FF0000"/>
            </a:solidFill>
            <a:latin typeface="+mn-lt"/>
            <a:ea typeface="+mn-ea"/>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chemeClr val="dk1"/>
              </a:solidFill>
              <a:latin typeface="+mn-lt"/>
              <a:ea typeface="+mn-ea"/>
              <a:cs typeface="Arial" pitchFamily="34" charset="0"/>
            </a:rPr>
            <a:t>- To remove this information box, right-click on its border and select 'Cut'</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ellow columns are mandatory</a:t>
          </a:r>
          <a:endParaRPr lang="en-CA" sz="1100">
            <a:latin typeface="+mn-lt"/>
            <a:cs typeface="Arial" pitchFamily="34" charset="0"/>
          </a:endParaRPr>
        </a:p>
        <a:p>
          <a:pPr rtl="0"/>
          <a:r>
            <a:rPr lang="en-CA" sz="1100" b="0" i="0">
              <a:solidFill>
                <a:schemeClr val="dk1"/>
              </a:solidFill>
              <a:latin typeface="+mn-lt"/>
              <a:ea typeface="+mn-ea"/>
              <a:cs typeface="Arial" pitchFamily="34" charset="0"/>
            </a:rPr>
            <a:t>- Column headings must not be changed.</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ou may delete or hide non-yellow columns that you don't need</a:t>
          </a:r>
          <a:endParaRPr lang="en-CA" sz="1100">
            <a:latin typeface="+mn-lt"/>
            <a:cs typeface="Arial" pitchFamily="34" charset="0"/>
          </a:endParaRPr>
        </a:p>
        <a:p>
          <a:endParaRPr lang="en-CA" sz="1000">
            <a:latin typeface="Arial" pitchFamily="34" charset="0"/>
            <a:cs typeface="Arial"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editAs="absolute">
    <xdr:from>
      <xdr:col>0</xdr:col>
      <xdr:colOff>266699</xdr:colOff>
      <xdr:row>2</xdr:row>
      <xdr:rowOff>28576</xdr:rowOff>
    </xdr:from>
    <xdr:to>
      <xdr:col>22</xdr:col>
      <xdr:colOff>66674</xdr:colOff>
      <xdr:row>6</xdr:row>
      <xdr:rowOff>85726</xdr:rowOff>
    </xdr:to>
    <xdr:sp macro="" textlink="">
      <xdr:nvSpPr>
        <xdr:cNvPr id="2" name="SMT Definition">
          <a:extLst>
            <a:ext uri="{FF2B5EF4-FFF2-40B4-BE49-F238E27FC236}">
              <a16:creationId xmlns:a16="http://schemas.microsoft.com/office/drawing/2014/main" id="{9C4FA2B7-47C6-4C2D-8788-BEEC18BAB06B}"/>
            </a:ext>
          </a:extLst>
        </xdr:cNvPr>
        <xdr:cNvSpPr txBox="1"/>
      </xdr:nvSpPr>
      <xdr:spPr>
        <a:xfrm>
          <a:off x="266699" y="1733551"/>
          <a:ext cx="6619875" cy="704850"/>
        </a:xfrm>
        <a:prstGeom prst="rect">
          <a:avLst/>
        </a:prstGeom>
        <a:solidFill>
          <a:schemeClr val="lt1"/>
        </a:solidFill>
        <a:ln w="9525" cmpd="sng">
          <a:solidFill>
            <a:srgbClr val="000000"/>
          </a:solidFill>
        </a:ln>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en-US" sz="1100" b="1"/>
            <a:t>Survey Observations of Bird Call Playback</a:t>
          </a:r>
          <a:r>
            <a:rPr lang="en-US" sz="1100"/>
            <a:t>. Survey involves call-playback tecniques on birds such as raptors, owls, and shorebirds (e.g., Common/Wilson's Snipe). May involve recognizing pre-tagged individuals</a:t>
          </a:r>
          <a:r>
            <a:rPr lang="en-US" sz="1100" baseline="0"/>
            <a:t> </a:t>
          </a:r>
          <a:r>
            <a:rPr lang="en-US" sz="1100"/>
            <a:t>and recording their Animal ID.</a:t>
          </a:r>
        </a:p>
      </xdr:txBody>
    </xdr:sp>
    <xdr:clientData/>
  </xdr:twoCellAnchor>
  <xdr:twoCellAnchor editAs="absolute">
    <xdr:from>
      <xdr:col>1</xdr:col>
      <xdr:colOff>9524</xdr:colOff>
      <xdr:row>7</xdr:row>
      <xdr:rowOff>0</xdr:rowOff>
    </xdr:from>
    <xdr:to>
      <xdr:col>22</xdr:col>
      <xdr:colOff>114300</xdr:colOff>
      <xdr:row>21</xdr:row>
      <xdr:rowOff>104775</xdr:rowOff>
    </xdr:to>
    <xdr:sp macro="" textlink="">
      <xdr:nvSpPr>
        <xdr:cNvPr id="3" name="TextBox 2">
          <a:extLst>
            <a:ext uri="{FF2B5EF4-FFF2-40B4-BE49-F238E27FC236}">
              <a16:creationId xmlns:a16="http://schemas.microsoft.com/office/drawing/2014/main" id="{65702356-4D69-450C-B2A7-3F85B2A35D58}"/>
            </a:ext>
          </a:extLst>
        </xdr:cNvPr>
        <xdr:cNvSpPr txBox="1"/>
      </xdr:nvSpPr>
      <xdr:spPr>
        <a:xfrm>
          <a:off x="276224" y="2514600"/>
          <a:ext cx="6657976" cy="237172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rtl="0"/>
          <a:r>
            <a:rPr lang="en-CA" sz="1100" b="1" i="0">
              <a:solidFill>
                <a:schemeClr val="dk1"/>
              </a:solidFill>
              <a:latin typeface="+mn-lt"/>
              <a:ea typeface="+mn-ea"/>
              <a:cs typeface="Arial" pitchFamily="34" charset="0"/>
            </a:rPr>
            <a:t>General Instructions</a:t>
          </a:r>
          <a:endParaRPr lang="en-CA" sz="1100" b="1">
            <a:latin typeface="+mn-lt"/>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rgbClr val="FF0000"/>
              </a:solidFill>
              <a:latin typeface="+mn-lt"/>
              <a:ea typeface="+mn-ea"/>
              <a:cs typeface="Arial" pitchFamily="34" charset="0"/>
            </a:rPr>
            <a:t>- You </a:t>
          </a:r>
          <a:r>
            <a:rPr lang="en-CA" sz="1100" b="1" i="0">
              <a:solidFill>
                <a:srgbClr val="FF0000"/>
              </a:solidFill>
              <a:latin typeface="+mn-lt"/>
              <a:ea typeface="+mn-ea"/>
              <a:cs typeface="Arial" pitchFamily="34" charset="0"/>
            </a:rPr>
            <a:t>must</a:t>
          </a:r>
          <a:r>
            <a:rPr lang="en-CA" sz="1100" b="0" i="0">
              <a:solidFill>
                <a:srgbClr val="FF0000"/>
              </a:solidFill>
              <a:latin typeface="+mn-lt"/>
              <a:ea typeface="+mn-ea"/>
              <a:cs typeface="Arial" pitchFamily="34" charset="0"/>
            </a:rPr>
            <a:t> use</a:t>
          </a:r>
          <a:r>
            <a:rPr lang="en-CA" sz="1100" b="0" i="0" baseline="0">
              <a:solidFill>
                <a:srgbClr val="FF0000"/>
              </a:solidFill>
              <a:latin typeface="+mn-lt"/>
              <a:ea typeface="+mn-ea"/>
              <a:cs typeface="Arial" pitchFamily="34" charset="0"/>
            </a:rPr>
            <a:t> valid codes.</a:t>
          </a:r>
          <a:br>
            <a:rPr lang="en-CA" sz="1100" b="0" i="0" baseline="0">
              <a:solidFill>
                <a:srgbClr val="FF0000"/>
              </a:solidFill>
              <a:latin typeface="+mn-lt"/>
              <a:ea typeface="+mn-ea"/>
              <a:cs typeface="Arial" pitchFamily="34" charset="0"/>
            </a:rPr>
          </a:br>
          <a:r>
            <a:rPr lang="en-CA" sz="1100" b="0" i="0" baseline="0">
              <a:solidFill>
                <a:srgbClr val="FF0000"/>
              </a:solidFill>
              <a:latin typeface="+mn-lt"/>
              <a:ea typeface="+mn-ea"/>
              <a:cs typeface="Arial" pitchFamily="34" charset="0"/>
            </a:rPr>
            <a:t>      - To automatically access the codes and definitions by double-clicking, you must </a:t>
          </a:r>
          <a:r>
            <a:rPr lang="en-CA" sz="1100" b="1" i="0" baseline="0">
              <a:solidFill>
                <a:srgbClr val="FF0000"/>
              </a:solidFill>
              <a:latin typeface="+mn-lt"/>
              <a:ea typeface="+mn-ea"/>
              <a:cs typeface="Arial" pitchFamily="34" charset="0"/>
            </a:rPr>
            <a:t>ENABLE MACROS </a:t>
          </a:r>
          <a:endParaRPr lang="en-CA" sz="1100" b="1">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To manually access the codes and definitions, go to the worksheet named 'Predefined Columns and Codes'</a:t>
          </a:r>
          <a:endParaRPr lang="en-CA" sz="1100" b="0">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You can print the worksheet named 'Predefined Columns and Codes'</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multiple codes or numbers in one cell</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codes or numbers with any other characters such as commas, hyphens, etc.</a:t>
          </a:r>
          <a:endParaRPr lang="en-CA" sz="1100" b="0">
            <a:solidFill>
              <a:srgbClr val="FF0000"/>
            </a:solidFill>
            <a:latin typeface="+mn-lt"/>
            <a:ea typeface="+mn-ea"/>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chemeClr val="dk1"/>
              </a:solidFill>
              <a:latin typeface="+mn-lt"/>
              <a:ea typeface="+mn-ea"/>
              <a:cs typeface="Arial" pitchFamily="34" charset="0"/>
            </a:rPr>
            <a:t>- To remove this information box, right-click on its border and select 'Cut'</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ellow columns are mandatory</a:t>
          </a:r>
          <a:endParaRPr lang="en-CA" sz="1100">
            <a:latin typeface="+mn-lt"/>
            <a:cs typeface="Arial" pitchFamily="34" charset="0"/>
          </a:endParaRPr>
        </a:p>
        <a:p>
          <a:pPr rtl="0"/>
          <a:r>
            <a:rPr lang="en-CA" sz="1100" b="0" i="0">
              <a:solidFill>
                <a:schemeClr val="dk1"/>
              </a:solidFill>
              <a:latin typeface="+mn-lt"/>
              <a:ea typeface="+mn-ea"/>
              <a:cs typeface="Arial" pitchFamily="34" charset="0"/>
            </a:rPr>
            <a:t>- Column headings must not be changed.</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ou may delete or hide non-yellow columns that you don't need</a:t>
          </a:r>
          <a:endParaRPr lang="en-CA" sz="1100">
            <a:latin typeface="+mn-lt"/>
            <a:cs typeface="Arial" pitchFamily="34" charset="0"/>
          </a:endParaRPr>
        </a:p>
        <a:p>
          <a:endParaRPr lang="en-CA" sz="1000">
            <a:latin typeface="Arial" pitchFamily="34" charset="0"/>
            <a:cs typeface="Arial"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editAs="absolute">
    <xdr:from>
      <xdr:col>0</xdr:col>
      <xdr:colOff>254000</xdr:colOff>
      <xdr:row>2</xdr:row>
      <xdr:rowOff>107950</xdr:rowOff>
    </xdr:from>
    <xdr:to>
      <xdr:col>19</xdr:col>
      <xdr:colOff>127000</xdr:colOff>
      <xdr:row>5</xdr:row>
      <xdr:rowOff>85725</xdr:rowOff>
    </xdr:to>
    <xdr:sp macro="" textlink="">
      <xdr:nvSpPr>
        <xdr:cNvPr id="2" name="TextBox 1">
          <a:extLst>
            <a:ext uri="{FF2B5EF4-FFF2-40B4-BE49-F238E27FC236}">
              <a16:creationId xmlns:a16="http://schemas.microsoft.com/office/drawing/2014/main" id="{47A7AEC3-CCC4-4514-BFE7-D68B0632A922}"/>
            </a:ext>
          </a:extLst>
        </xdr:cNvPr>
        <xdr:cNvSpPr txBox="1"/>
      </xdr:nvSpPr>
      <xdr:spPr>
        <a:xfrm>
          <a:off x="254000" y="1651000"/>
          <a:ext cx="6654800" cy="463550"/>
        </a:xfrm>
        <a:prstGeom prst="rect">
          <a:avLst/>
        </a:prstGeom>
        <a:solidFill>
          <a:schemeClr val="lt1"/>
        </a:solidFill>
        <a:ln w="9525" cmpd="sng">
          <a:solidFill>
            <a:srgbClr val="000000"/>
          </a:solidFill>
        </a:ln>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en-US" sz="1100" b="1"/>
            <a:t>Survey Summary</a:t>
          </a:r>
          <a:r>
            <a:rPr lang="en-US" sz="1100"/>
            <a:t>. This worksheet is for recording data about summaries of Surveys.
</a:t>
          </a:r>
        </a:p>
      </xdr:txBody>
    </xdr:sp>
    <xdr:clientData/>
  </xdr:twoCellAnchor>
  <xdr:twoCellAnchor editAs="absolute">
    <xdr:from>
      <xdr:col>1</xdr:col>
      <xdr:colOff>0</xdr:colOff>
      <xdr:row>6</xdr:row>
      <xdr:rowOff>104775</xdr:rowOff>
    </xdr:from>
    <xdr:to>
      <xdr:col>19</xdr:col>
      <xdr:colOff>142876</xdr:colOff>
      <xdr:row>21</xdr:row>
      <xdr:rowOff>47625</xdr:rowOff>
    </xdr:to>
    <xdr:sp macro="" textlink="">
      <xdr:nvSpPr>
        <xdr:cNvPr id="3" name="TextBox 2">
          <a:extLst>
            <a:ext uri="{FF2B5EF4-FFF2-40B4-BE49-F238E27FC236}">
              <a16:creationId xmlns:a16="http://schemas.microsoft.com/office/drawing/2014/main" id="{1F264312-9163-4DD2-8DD0-BF40E7E980EE}"/>
            </a:ext>
          </a:extLst>
        </xdr:cNvPr>
        <xdr:cNvSpPr txBox="1"/>
      </xdr:nvSpPr>
      <xdr:spPr>
        <a:xfrm>
          <a:off x="266700" y="2295525"/>
          <a:ext cx="6657976" cy="237172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rtl="0"/>
          <a:r>
            <a:rPr lang="en-CA" sz="1100" b="1" i="0">
              <a:solidFill>
                <a:schemeClr val="dk1"/>
              </a:solidFill>
              <a:latin typeface="+mn-lt"/>
              <a:ea typeface="+mn-ea"/>
              <a:cs typeface="Arial" pitchFamily="34" charset="0"/>
            </a:rPr>
            <a:t>General Instructions</a:t>
          </a:r>
          <a:endParaRPr lang="en-CA" sz="1100" b="1">
            <a:latin typeface="+mn-lt"/>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rgbClr val="FF0000"/>
              </a:solidFill>
              <a:latin typeface="+mn-lt"/>
              <a:ea typeface="+mn-ea"/>
              <a:cs typeface="Arial" pitchFamily="34" charset="0"/>
            </a:rPr>
            <a:t>- You </a:t>
          </a:r>
          <a:r>
            <a:rPr lang="en-CA" sz="1100" b="1" i="0">
              <a:solidFill>
                <a:srgbClr val="FF0000"/>
              </a:solidFill>
              <a:latin typeface="+mn-lt"/>
              <a:ea typeface="+mn-ea"/>
              <a:cs typeface="Arial" pitchFamily="34" charset="0"/>
            </a:rPr>
            <a:t>must</a:t>
          </a:r>
          <a:r>
            <a:rPr lang="en-CA" sz="1100" b="0" i="0">
              <a:solidFill>
                <a:srgbClr val="FF0000"/>
              </a:solidFill>
              <a:latin typeface="+mn-lt"/>
              <a:ea typeface="+mn-ea"/>
              <a:cs typeface="Arial" pitchFamily="34" charset="0"/>
            </a:rPr>
            <a:t> use</a:t>
          </a:r>
          <a:r>
            <a:rPr lang="en-CA" sz="1100" b="0" i="0" baseline="0">
              <a:solidFill>
                <a:srgbClr val="FF0000"/>
              </a:solidFill>
              <a:latin typeface="+mn-lt"/>
              <a:ea typeface="+mn-ea"/>
              <a:cs typeface="Arial" pitchFamily="34" charset="0"/>
            </a:rPr>
            <a:t> valid codes.</a:t>
          </a:r>
          <a:br>
            <a:rPr lang="en-CA" sz="1100" b="0" i="0" baseline="0">
              <a:solidFill>
                <a:srgbClr val="FF0000"/>
              </a:solidFill>
              <a:latin typeface="+mn-lt"/>
              <a:ea typeface="+mn-ea"/>
              <a:cs typeface="Arial" pitchFamily="34" charset="0"/>
            </a:rPr>
          </a:br>
          <a:r>
            <a:rPr lang="en-CA" sz="1100" b="0" i="0" baseline="0">
              <a:solidFill>
                <a:srgbClr val="FF0000"/>
              </a:solidFill>
              <a:latin typeface="+mn-lt"/>
              <a:ea typeface="+mn-ea"/>
              <a:cs typeface="Arial" pitchFamily="34" charset="0"/>
            </a:rPr>
            <a:t>      - To automatically access the codes and definitions by double-clicking, you must </a:t>
          </a:r>
          <a:r>
            <a:rPr lang="en-CA" sz="1100" b="1" i="0" baseline="0">
              <a:solidFill>
                <a:srgbClr val="FF0000"/>
              </a:solidFill>
              <a:latin typeface="+mn-lt"/>
              <a:ea typeface="+mn-ea"/>
              <a:cs typeface="Arial" pitchFamily="34" charset="0"/>
            </a:rPr>
            <a:t>ENABLE MACROS </a:t>
          </a:r>
          <a:endParaRPr lang="en-CA" sz="1100" b="1">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To manually access the codes and definitions, go to the worksheet named 'Predefined Columns and Codes'</a:t>
          </a:r>
          <a:endParaRPr lang="en-CA" sz="1100" b="0">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You can print the worksheet named 'Predefined Columns and Codes'</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multiple codes or numbers in one cell</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codes or numbers with any other characters such as commas, hyphens, etc.</a:t>
          </a:r>
          <a:endParaRPr lang="en-CA" sz="1100" b="0">
            <a:solidFill>
              <a:srgbClr val="FF0000"/>
            </a:solidFill>
            <a:latin typeface="+mn-lt"/>
            <a:ea typeface="+mn-ea"/>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chemeClr val="dk1"/>
              </a:solidFill>
              <a:latin typeface="+mn-lt"/>
              <a:ea typeface="+mn-ea"/>
              <a:cs typeface="Arial" pitchFamily="34" charset="0"/>
            </a:rPr>
            <a:t>- To remove this information box, right-click on its border and select 'Cut'</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ellow columns are mandatory</a:t>
          </a:r>
          <a:endParaRPr lang="en-CA" sz="1100">
            <a:latin typeface="+mn-lt"/>
            <a:cs typeface="Arial" pitchFamily="34" charset="0"/>
          </a:endParaRPr>
        </a:p>
        <a:p>
          <a:pPr rtl="0"/>
          <a:r>
            <a:rPr lang="en-CA" sz="1100" b="0" i="0">
              <a:solidFill>
                <a:schemeClr val="dk1"/>
              </a:solidFill>
              <a:latin typeface="+mn-lt"/>
              <a:ea typeface="+mn-ea"/>
              <a:cs typeface="Arial" pitchFamily="34" charset="0"/>
            </a:rPr>
            <a:t>- Column headings must not be changed.</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ou may delete or hide non-yellow columns that you don't need</a:t>
          </a:r>
          <a:endParaRPr lang="en-CA" sz="1100">
            <a:latin typeface="+mn-lt"/>
            <a:cs typeface="Arial" pitchFamily="34" charset="0"/>
          </a:endParaRPr>
        </a:p>
        <a:p>
          <a:endParaRPr lang="en-CA" sz="1000">
            <a:latin typeface="Arial" pitchFamily="34" charset="0"/>
            <a:cs typeface="Arial"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editAs="absolute">
    <xdr:from>
      <xdr:col>0</xdr:col>
      <xdr:colOff>263525</xdr:colOff>
      <xdr:row>2</xdr:row>
      <xdr:rowOff>41275</xdr:rowOff>
    </xdr:from>
    <xdr:to>
      <xdr:col>22</xdr:col>
      <xdr:colOff>98425</xdr:colOff>
      <xdr:row>5</xdr:row>
      <xdr:rowOff>104775</xdr:rowOff>
    </xdr:to>
    <xdr:sp macro="" textlink="">
      <xdr:nvSpPr>
        <xdr:cNvPr id="2" name="TextBox 1">
          <a:extLst>
            <a:ext uri="{FF2B5EF4-FFF2-40B4-BE49-F238E27FC236}">
              <a16:creationId xmlns:a16="http://schemas.microsoft.com/office/drawing/2014/main" id="{59EE1C9C-696C-4639-89E6-5C882E89494A}"/>
            </a:ext>
          </a:extLst>
        </xdr:cNvPr>
        <xdr:cNvSpPr txBox="1"/>
      </xdr:nvSpPr>
      <xdr:spPr>
        <a:xfrm>
          <a:off x="263525" y="1765300"/>
          <a:ext cx="6654800" cy="549275"/>
        </a:xfrm>
        <a:prstGeom prst="rect">
          <a:avLst/>
        </a:prstGeom>
        <a:solidFill>
          <a:schemeClr val="lt1"/>
        </a:solidFill>
        <a:ln w="9525" cmpd="sng">
          <a:solidFill>
            <a:srgbClr val="000000"/>
          </a:solidFill>
        </a:ln>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en-US" sz="1100" b="1"/>
            <a:t>Site &amp; Incidental Observations</a:t>
          </a:r>
          <a:r>
            <a:rPr lang="en-US" sz="1100"/>
            <a:t>. This worksheet is for the recording data about Incidental Observations and/or Site Descriptions.</a:t>
          </a:r>
        </a:p>
      </xdr:txBody>
    </xdr:sp>
    <xdr:clientData/>
  </xdr:twoCellAnchor>
  <xdr:twoCellAnchor editAs="oneCell">
    <xdr:from>
      <xdr:col>6</xdr:col>
      <xdr:colOff>104775</xdr:colOff>
      <xdr:row>0</xdr:row>
      <xdr:rowOff>57150</xdr:rowOff>
    </xdr:from>
    <xdr:to>
      <xdr:col>12</xdr:col>
      <xdr:colOff>219075</xdr:colOff>
      <xdr:row>0</xdr:row>
      <xdr:rowOff>333375</xdr:rowOff>
    </xdr:to>
    <xdr:sp macro="" textlink="">
      <xdr:nvSpPr>
        <xdr:cNvPr id="3" name="TextBox 2">
          <a:extLst>
            <a:ext uri="{FF2B5EF4-FFF2-40B4-BE49-F238E27FC236}">
              <a16:creationId xmlns:a16="http://schemas.microsoft.com/office/drawing/2014/main" id="{6BB17AF0-91EC-464A-8E1A-23536544C629}"/>
            </a:ext>
          </a:extLst>
        </xdr:cNvPr>
        <xdr:cNvSpPr txBox="1"/>
      </xdr:nvSpPr>
      <xdr:spPr>
        <a:xfrm>
          <a:off x="1704975" y="57150"/>
          <a:ext cx="1714500" cy="276225"/>
        </a:xfrm>
        <a:prstGeom prst="rect">
          <a:avLst/>
        </a:prstGeom>
        <a:solidFill>
          <a:schemeClr val="bg1"/>
        </a:solidFill>
        <a:ln w="9525" cmpd="sng">
          <a:solidFill>
            <a:schemeClr val="lt1">
              <a:shade val="50000"/>
            </a:schemeClr>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pPr algn="ctr"/>
          <a:r>
            <a:rPr lang="en-CA" sz="900">
              <a:latin typeface="Tahoma" panose="020B0604030504040204" pitchFamily="34" charset="0"/>
              <a:ea typeface="Tahoma" panose="020B0604030504040204" pitchFamily="34" charset="0"/>
              <a:cs typeface="Tahoma" panose="020B0604030504040204" pitchFamily="34" charset="0"/>
            </a:rPr>
            <a:t>For each row, enter only UTMs or only Long-Lats; not both.</a:t>
          </a:r>
        </a:p>
      </xdr:txBody>
    </xdr:sp>
    <xdr:clientData/>
  </xdr:twoCellAnchor>
  <xdr:twoCellAnchor editAs="absolute">
    <xdr:from>
      <xdr:col>1</xdr:col>
      <xdr:colOff>0</xdr:colOff>
      <xdr:row>7</xdr:row>
      <xdr:rowOff>9525</xdr:rowOff>
    </xdr:from>
    <xdr:to>
      <xdr:col>22</xdr:col>
      <xdr:colOff>104776</xdr:colOff>
      <xdr:row>21</xdr:row>
      <xdr:rowOff>114300</xdr:rowOff>
    </xdr:to>
    <xdr:sp macro="" textlink="">
      <xdr:nvSpPr>
        <xdr:cNvPr id="4" name="TextBox 3">
          <a:extLst>
            <a:ext uri="{FF2B5EF4-FFF2-40B4-BE49-F238E27FC236}">
              <a16:creationId xmlns:a16="http://schemas.microsoft.com/office/drawing/2014/main" id="{C0826804-8CCE-454F-B0EC-32C9B507719D}"/>
            </a:ext>
          </a:extLst>
        </xdr:cNvPr>
        <xdr:cNvSpPr txBox="1"/>
      </xdr:nvSpPr>
      <xdr:spPr>
        <a:xfrm>
          <a:off x="266700" y="2543175"/>
          <a:ext cx="6657976" cy="237172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rtl="0"/>
          <a:r>
            <a:rPr lang="en-CA" sz="1100" b="1" i="0">
              <a:solidFill>
                <a:schemeClr val="dk1"/>
              </a:solidFill>
              <a:latin typeface="+mn-lt"/>
              <a:ea typeface="+mn-ea"/>
              <a:cs typeface="Arial" pitchFamily="34" charset="0"/>
            </a:rPr>
            <a:t>General Instructions</a:t>
          </a:r>
          <a:endParaRPr lang="en-CA" sz="1100" b="1">
            <a:latin typeface="+mn-lt"/>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rgbClr val="FF0000"/>
              </a:solidFill>
              <a:latin typeface="+mn-lt"/>
              <a:ea typeface="+mn-ea"/>
              <a:cs typeface="Arial" pitchFamily="34" charset="0"/>
            </a:rPr>
            <a:t>- You </a:t>
          </a:r>
          <a:r>
            <a:rPr lang="en-CA" sz="1100" b="1" i="0">
              <a:solidFill>
                <a:srgbClr val="FF0000"/>
              </a:solidFill>
              <a:latin typeface="+mn-lt"/>
              <a:ea typeface="+mn-ea"/>
              <a:cs typeface="Arial" pitchFamily="34" charset="0"/>
            </a:rPr>
            <a:t>must</a:t>
          </a:r>
          <a:r>
            <a:rPr lang="en-CA" sz="1100" b="0" i="0">
              <a:solidFill>
                <a:srgbClr val="FF0000"/>
              </a:solidFill>
              <a:latin typeface="+mn-lt"/>
              <a:ea typeface="+mn-ea"/>
              <a:cs typeface="Arial" pitchFamily="34" charset="0"/>
            </a:rPr>
            <a:t> use</a:t>
          </a:r>
          <a:r>
            <a:rPr lang="en-CA" sz="1100" b="0" i="0" baseline="0">
              <a:solidFill>
                <a:srgbClr val="FF0000"/>
              </a:solidFill>
              <a:latin typeface="+mn-lt"/>
              <a:ea typeface="+mn-ea"/>
              <a:cs typeface="Arial" pitchFamily="34" charset="0"/>
            </a:rPr>
            <a:t> valid codes.</a:t>
          </a:r>
          <a:br>
            <a:rPr lang="en-CA" sz="1100" b="0" i="0" baseline="0">
              <a:solidFill>
                <a:srgbClr val="FF0000"/>
              </a:solidFill>
              <a:latin typeface="+mn-lt"/>
              <a:ea typeface="+mn-ea"/>
              <a:cs typeface="Arial" pitchFamily="34" charset="0"/>
            </a:rPr>
          </a:br>
          <a:r>
            <a:rPr lang="en-CA" sz="1100" b="0" i="0" baseline="0">
              <a:solidFill>
                <a:srgbClr val="FF0000"/>
              </a:solidFill>
              <a:latin typeface="+mn-lt"/>
              <a:ea typeface="+mn-ea"/>
              <a:cs typeface="Arial" pitchFamily="34" charset="0"/>
            </a:rPr>
            <a:t>      - To automatically access the codes and definitions by double-clicking, you must </a:t>
          </a:r>
          <a:r>
            <a:rPr lang="en-CA" sz="1100" b="1" i="0" baseline="0">
              <a:solidFill>
                <a:srgbClr val="FF0000"/>
              </a:solidFill>
              <a:latin typeface="+mn-lt"/>
              <a:ea typeface="+mn-ea"/>
              <a:cs typeface="Arial" pitchFamily="34" charset="0"/>
            </a:rPr>
            <a:t>ENABLE MACROS </a:t>
          </a:r>
          <a:endParaRPr lang="en-CA" sz="1100" b="1">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To manually access the codes and definitions, go to the worksheet named 'Predefined Columns and Codes'</a:t>
          </a:r>
          <a:endParaRPr lang="en-CA" sz="1100" b="0">
            <a:solidFill>
              <a:srgbClr val="FF0000"/>
            </a:solidFill>
            <a:latin typeface="+mn-lt"/>
            <a:ea typeface="+mn-ea"/>
            <a:cs typeface="Arial" pitchFamily="34" charset="0"/>
          </a:endParaRPr>
        </a:p>
        <a:p>
          <a:pPr rtl="0"/>
          <a:r>
            <a:rPr lang="en-CA" sz="1100" b="0" i="0" baseline="0">
              <a:solidFill>
                <a:srgbClr val="FF0000"/>
              </a:solidFill>
              <a:latin typeface="+mn-lt"/>
              <a:ea typeface="+mn-ea"/>
              <a:cs typeface="Arial" pitchFamily="34" charset="0"/>
            </a:rPr>
            <a:t>      - You can print the worksheet named 'Predefined Columns and Codes'</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multiple codes or numbers in one cell</a:t>
          </a:r>
          <a:endParaRPr lang="en-CA" sz="1100" b="0">
            <a:solidFill>
              <a:srgbClr val="FF0000"/>
            </a:solidFill>
            <a:latin typeface="+mn-lt"/>
            <a:ea typeface="+mn-ea"/>
            <a:cs typeface="Arial" pitchFamily="34" charset="0"/>
          </a:endParaRPr>
        </a:p>
        <a:p>
          <a:pPr rtl="0" eaLnBrk="1" fontAlgn="auto" latinLnBrk="0" hangingPunct="1"/>
          <a:r>
            <a:rPr lang="en-CA" sz="1100" b="0" i="0" baseline="0">
              <a:solidFill>
                <a:srgbClr val="FF0000"/>
              </a:solidFill>
              <a:latin typeface="+mn-lt"/>
              <a:ea typeface="+mn-ea"/>
              <a:cs typeface="Arial" pitchFamily="34" charset="0"/>
            </a:rPr>
            <a:t>      - Do not combine codes or numbers with any other characters such as commas, hyphens, etc.</a:t>
          </a:r>
          <a:endParaRPr lang="en-CA" sz="1100" b="0">
            <a:solidFill>
              <a:srgbClr val="FF0000"/>
            </a:solidFill>
            <a:latin typeface="+mn-lt"/>
            <a:ea typeface="+mn-ea"/>
            <a:cs typeface="Arial" pitchFamily="34" charset="0"/>
          </a:endParaRPr>
        </a:p>
        <a:p>
          <a:pPr rtl="0"/>
          <a:endParaRPr lang="en-CA" sz="1100" b="0" i="0">
            <a:solidFill>
              <a:schemeClr val="dk1"/>
            </a:solidFill>
            <a:latin typeface="+mn-lt"/>
            <a:ea typeface="+mn-ea"/>
            <a:cs typeface="Arial" pitchFamily="34" charset="0"/>
          </a:endParaRPr>
        </a:p>
        <a:p>
          <a:pPr rtl="0"/>
          <a:r>
            <a:rPr lang="en-CA" sz="1100" b="0" i="0">
              <a:solidFill>
                <a:schemeClr val="dk1"/>
              </a:solidFill>
              <a:latin typeface="+mn-lt"/>
              <a:ea typeface="+mn-ea"/>
              <a:cs typeface="Arial" pitchFamily="34" charset="0"/>
            </a:rPr>
            <a:t>- To remove this information box, right-click on its border and select 'Cut'</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ellow columns are mandatory</a:t>
          </a:r>
          <a:endParaRPr lang="en-CA" sz="1100">
            <a:latin typeface="+mn-lt"/>
            <a:cs typeface="Arial" pitchFamily="34" charset="0"/>
          </a:endParaRPr>
        </a:p>
        <a:p>
          <a:pPr rtl="0"/>
          <a:r>
            <a:rPr lang="en-CA" sz="1100" b="0" i="0">
              <a:solidFill>
                <a:schemeClr val="dk1"/>
              </a:solidFill>
              <a:latin typeface="+mn-lt"/>
              <a:ea typeface="+mn-ea"/>
              <a:cs typeface="Arial" pitchFamily="34" charset="0"/>
            </a:rPr>
            <a:t>- Column headings must not be changed.</a:t>
          </a:r>
          <a:endParaRPr lang="en-CA" sz="1100">
            <a:latin typeface="+mn-lt"/>
            <a:cs typeface="Arial" pitchFamily="34" charset="0"/>
          </a:endParaRPr>
        </a:p>
        <a:p>
          <a:pPr rtl="0"/>
          <a:r>
            <a:rPr lang="en-CA" sz="1100" b="0" i="0">
              <a:solidFill>
                <a:schemeClr val="dk1"/>
              </a:solidFill>
              <a:latin typeface="+mn-lt"/>
              <a:ea typeface="+mn-ea"/>
              <a:cs typeface="Arial" pitchFamily="34" charset="0"/>
            </a:rPr>
            <a:t>- You may delete or hide non-yellow columns that you don't need</a:t>
          </a:r>
          <a:endParaRPr lang="en-CA" sz="1100">
            <a:latin typeface="+mn-lt"/>
            <a:cs typeface="Arial" pitchFamily="34" charset="0"/>
          </a:endParaRPr>
        </a:p>
        <a:p>
          <a:endParaRPr lang="en-CA" sz="1000">
            <a:latin typeface="Arial" pitchFamily="34" charset="0"/>
            <a:cs typeface="Arial" pitchFamily="34" charset="0"/>
          </a:endParaRP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F28D14-D904-4D81-BBC1-24B1DB113FB7}">
  <sheetPr codeName="Sheet1"/>
  <dimension ref="A1:I1"/>
  <sheetViews>
    <sheetView tabSelected="1" workbookViewId="0">
      <pane ySplit="1" topLeftCell="A2" activePane="bottomLeft" state="frozen"/>
      <selection pane="bottomLeft" activeCell="A2" sqref="A2"/>
    </sheetView>
  </sheetViews>
  <sheetFormatPr defaultRowHeight="12.75" x14ac:dyDescent="0.2"/>
  <cols>
    <col min="1" max="4" width="4" style="2" bestFit="1" customWidth="1"/>
    <col min="5" max="9" width="6.85546875" style="2" bestFit="1" customWidth="1"/>
    <col min="10" max="16384" width="9.140625" style="2"/>
  </cols>
  <sheetData>
    <row r="1" spans="1:9" s="1" customFormat="1" ht="108.75" customHeight="1" x14ac:dyDescent="0.25">
      <c r="A1" s="3" t="s">
        <v>0</v>
      </c>
      <c r="B1" s="11" t="s">
        <v>1</v>
      </c>
      <c r="C1" s="11" t="s">
        <v>2</v>
      </c>
      <c r="D1" s="4" t="s">
        <v>3</v>
      </c>
      <c r="E1" s="4" t="s">
        <v>4</v>
      </c>
      <c r="F1" s="4" t="s">
        <v>5</v>
      </c>
      <c r="G1" s="4" t="s">
        <v>6</v>
      </c>
      <c r="H1" s="4" t="s">
        <v>7</v>
      </c>
      <c r="I1" s="4" t="s">
        <v>8</v>
      </c>
    </row>
  </sheetData>
  <pageMargins left="0.7" right="0.7" top="0.75" bottom="0.75" header="0.3" footer="0.3"/>
  <pageSetup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E93642-987B-4FD3-897C-731022D3B8BE}">
  <sheetPr codeName="Sheet2"/>
  <dimension ref="A1:N1"/>
  <sheetViews>
    <sheetView workbookViewId="0">
      <pane ySplit="1" topLeftCell="A2" activePane="bottomLeft" state="frozen"/>
      <selection pane="bottomLeft" activeCell="A2" sqref="A2"/>
    </sheetView>
  </sheetViews>
  <sheetFormatPr defaultRowHeight="12.75" x14ac:dyDescent="0.2"/>
  <cols>
    <col min="1" max="2" width="4" style="2" bestFit="1" customWidth="1"/>
    <col min="3" max="10" width="6.85546875" style="2" bestFit="1" customWidth="1"/>
    <col min="11" max="11" width="9.7109375" style="2" bestFit="1" customWidth="1"/>
    <col min="12" max="13" width="4" style="2" bestFit="1" customWidth="1"/>
    <col min="14" max="14" width="9.7109375" style="2" bestFit="1" customWidth="1"/>
    <col min="15" max="16384" width="9.140625" style="2"/>
  </cols>
  <sheetData>
    <row r="1" spans="1:14" s="1" customFormat="1" ht="115.5" customHeight="1" x14ac:dyDescent="0.25">
      <c r="A1" s="3" t="s">
        <v>9</v>
      </c>
      <c r="B1" s="4" t="s">
        <v>10</v>
      </c>
      <c r="C1" s="3" t="s">
        <v>11</v>
      </c>
      <c r="D1" s="3" t="s">
        <v>12</v>
      </c>
      <c r="E1" s="3" t="s">
        <v>13</v>
      </c>
      <c r="F1" s="3" t="s">
        <v>14</v>
      </c>
      <c r="G1" s="3" t="s">
        <v>15</v>
      </c>
      <c r="H1" s="3" t="s">
        <v>16</v>
      </c>
      <c r="I1" s="4" t="s">
        <v>17</v>
      </c>
      <c r="J1" s="4" t="s">
        <v>18</v>
      </c>
      <c r="K1" s="5" t="s">
        <v>19</v>
      </c>
      <c r="L1" s="4" t="s">
        <v>20</v>
      </c>
      <c r="M1" s="4" t="s">
        <v>21</v>
      </c>
      <c r="N1" s="5" t="s">
        <v>22</v>
      </c>
    </row>
  </sheetData>
  <pageMargins left="0.7" right="0.7" top="0.75" bottom="0.75" header="0.3" footer="0.3"/>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3268C9-E616-4D05-9770-A05E6F66DEBF}">
  <sheetPr codeName="Sheet3"/>
  <dimension ref="A1:G1"/>
  <sheetViews>
    <sheetView workbookViewId="0">
      <pane ySplit="1" topLeftCell="A2" activePane="bottomLeft" state="frozen"/>
      <selection pane="bottomLeft" activeCell="A2" sqref="A2"/>
    </sheetView>
  </sheetViews>
  <sheetFormatPr defaultRowHeight="12.75" x14ac:dyDescent="0.2"/>
  <cols>
    <col min="1" max="5" width="4" style="2" bestFit="1" customWidth="1"/>
    <col min="6" max="7" width="9.7109375" style="2" bestFit="1" customWidth="1"/>
    <col min="8" max="16384" width="9.140625" style="2"/>
  </cols>
  <sheetData>
    <row r="1" spans="1:7" s="1" customFormat="1" ht="134.25" customHeight="1" x14ac:dyDescent="0.25">
      <c r="A1" s="3" t="s">
        <v>9</v>
      </c>
      <c r="B1" s="3" t="s">
        <v>11</v>
      </c>
      <c r="C1" s="3" t="s">
        <v>23</v>
      </c>
      <c r="D1" s="4" t="s">
        <v>24</v>
      </c>
      <c r="E1" s="4" t="s">
        <v>25</v>
      </c>
      <c r="F1" s="5" t="s">
        <v>26</v>
      </c>
      <c r="G1" s="5" t="s">
        <v>27</v>
      </c>
    </row>
  </sheetData>
  <pageMargins left="0.7" right="0.7" top="0.75" bottom="0.75" header="0.3" footer="0.3"/>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3BA4B94-A0FD-42D5-A0F1-FB91695293E9}">
  <sheetPr codeName="Sheet4"/>
  <dimension ref="A1:AC1"/>
  <sheetViews>
    <sheetView workbookViewId="0">
      <pane ySplit="1" topLeftCell="A2" activePane="bottomLeft" state="frozen"/>
      <selection pane="bottomLeft" activeCell="A2" sqref="A2"/>
    </sheetView>
  </sheetViews>
  <sheetFormatPr defaultRowHeight="12.75" x14ac:dyDescent="0.2"/>
  <cols>
    <col min="1" max="7" width="4" style="2" bestFit="1" customWidth="1"/>
    <col min="8" max="8" width="6.85546875" style="2" bestFit="1" customWidth="1"/>
    <col min="9" max="10" width="4" style="2" bestFit="1" customWidth="1"/>
    <col min="11" max="14" width="6.85546875" style="2" bestFit="1" customWidth="1"/>
    <col min="15" max="22" width="4" style="2" bestFit="1" customWidth="1"/>
    <col min="23" max="23" width="9.7109375" style="2" bestFit="1" customWidth="1"/>
    <col min="24" max="25" width="4" style="2" bestFit="1" customWidth="1"/>
    <col min="26" max="26" width="6.85546875" style="2" bestFit="1" customWidth="1"/>
    <col min="27" max="27" width="4" style="2" bestFit="1" customWidth="1"/>
    <col min="28" max="16384" width="9.140625" style="2"/>
  </cols>
  <sheetData>
    <row r="1" spans="1:29" s="1" customFormat="1" ht="121.5" customHeight="1" x14ac:dyDescent="0.25">
      <c r="A1" s="3" t="s">
        <v>9</v>
      </c>
      <c r="B1" s="3" t="s">
        <v>11</v>
      </c>
      <c r="C1" s="3" t="s">
        <v>1119</v>
      </c>
      <c r="D1" s="4" t="s">
        <v>42</v>
      </c>
      <c r="E1" s="4" t="s">
        <v>28</v>
      </c>
      <c r="F1" s="3" t="s">
        <v>29</v>
      </c>
      <c r="G1" s="3" t="s">
        <v>30</v>
      </c>
      <c r="H1" s="4" t="s">
        <v>43</v>
      </c>
      <c r="I1" s="4" t="s">
        <v>44</v>
      </c>
      <c r="J1" s="4" t="s">
        <v>45</v>
      </c>
      <c r="K1" s="4" t="s">
        <v>46</v>
      </c>
      <c r="L1" s="4" t="s">
        <v>47</v>
      </c>
      <c r="M1" s="4" t="s">
        <v>48</v>
      </c>
      <c r="N1" s="4" t="s">
        <v>49</v>
      </c>
      <c r="O1" s="4" t="s">
        <v>50</v>
      </c>
      <c r="P1" s="4" t="s">
        <v>51</v>
      </c>
      <c r="Q1" s="4" t="s">
        <v>31</v>
      </c>
      <c r="R1" s="4" t="s">
        <v>52</v>
      </c>
      <c r="S1" s="4" t="s">
        <v>53</v>
      </c>
      <c r="T1" s="4" t="s">
        <v>54</v>
      </c>
      <c r="U1" s="41" t="s">
        <v>1751</v>
      </c>
      <c r="V1" s="4" t="s">
        <v>55</v>
      </c>
      <c r="W1" s="4" t="s">
        <v>56</v>
      </c>
      <c r="X1" s="4" t="s">
        <v>57</v>
      </c>
      <c r="Y1" s="4" t="s">
        <v>58</v>
      </c>
      <c r="Z1" s="4" t="s">
        <v>1755</v>
      </c>
      <c r="AA1" s="4" t="s">
        <v>38</v>
      </c>
      <c r="AB1" s="5" t="s">
        <v>39</v>
      </c>
      <c r="AC1" s="6" t="s">
        <v>41</v>
      </c>
    </row>
  </sheetData>
  <pageMargins left="0.7" right="0.7" top="0.75" bottom="0.75" header="0.3" footer="0.3"/>
  <drawing r:id="rId1"/>
  <extLst>
    <ext xmlns:x14="http://schemas.microsoft.com/office/spreadsheetml/2009/9/main" uri="{CCE6A557-97BC-4b89-ADB6-D9C93CAAB3DF}">
      <x14:dataValidations xmlns:xm="http://schemas.microsoft.com/office/excel/2006/main" count="2">
        <x14:dataValidation type="list" allowBlank="1" errorTitle="Correct Code Needed" error="You need to use a code." xr:uid="{6AFF5748-B9A4-426B-A1CD-BDD7411B175D}">
          <x14:formula1>
            <xm:f>'Predefined Columns and Codes'!$C$264:$C$267</xm:f>
          </x14:formula1>
          <xm:sqref>H14 H10</xm:sqref>
        </x14:dataValidation>
        <x14:dataValidation type="list" allowBlank="1" errorTitle="Correct Code Needed" error="You need to use a code." xr:uid="{E1F1693B-7486-4BF4-BD2D-9ABC1F6DE0F8}">
          <x14:formula1>
            <xm:f>'Predefined Columns and Codes'!$C$402:$C$416</xm:f>
          </x14:formula1>
          <xm:sqref>X4</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A67717-D6A6-4FF0-97BC-ABD92F77A327}">
  <sheetPr codeName="Sheet5"/>
  <dimension ref="A1:Y1"/>
  <sheetViews>
    <sheetView workbookViewId="0">
      <pane ySplit="1" topLeftCell="A2" activePane="bottomLeft" state="frozen"/>
      <selection pane="bottomLeft" activeCell="A2" sqref="A2"/>
    </sheetView>
  </sheetViews>
  <sheetFormatPr defaultRowHeight="12.75" x14ac:dyDescent="0.2"/>
  <cols>
    <col min="1" max="1" width="4" style="2" bestFit="1" customWidth="1"/>
    <col min="2" max="2" width="6.85546875" style="2" bestFit="1" customWidth="1"/>
    <col min="3" max="6" width="4" style="2" bestFit="1" customWidth="1"/>
    <col min="7" max="9" width="6.85546875" style="2" bestFit="1" customWidth="1"/>
    <col min="10" max="10" width="4" style="2" bestFit="1" customWidth="1"/>
    <col min="11" max="11" width="6.85546875" style="2" bestFit="1" customWidth="1"/>
    <col min="12" max="14" width="4" style="2" bestFit="1" customWidth="1"/>
    <col min="15" max="15" width="6.85546875" style="2" bestFit="1" customWidth="1"/>
    <col min="16" max="16" width="4" style="2" bestFit="1" customWidth="1"/>
    <col min="17" max="21" width="6.85546875" style="2" bestFit="1" customWidth="1"/>
    <col min="22" max="22" width="4" style="2" bestFit="1" customWidth="1"/>
    <col min="23" max="25" width="6.85546875" style="2" bestFit="1" customWidth="1"/>
    <col min="26" max="16384" width="9.140625" style="2"/>
  </cols>
  <sheetData>
    <row r="1" spans="1:25" s="1" customFormat="1" ht="108.75" x14ac:dyDescent="0.25">
      <c r="A1" s="3" t="s">
        <v>9</v>
      </c>
      <c r="B1" s="4" t="s">
        <v>11</v>
      </c>
      <c r="C1" s="3" t="s">
        <v>59</v>
      </c>
      <c r="D1" s="4" t="s">
        <v>60</v>
      </c>
      <c r="E1" s="4" t="s">
        <v>61</v>
      </c>
      <c r="F1" s="4" t="s">
        <v>62</v>
      </c>
      <c r="G1" s="4" t="s">
        <v>63</v>
      </c>
      <c r="H1" s="4" t="s">
        <v>64</v>
      </c>
      <c r="I1" s="4" t="s">
        <v>65</v>
      </c>
      <c r="J1" s="4" t="s">
        <v>66</v>
      </c>
      <c r="K1" s="4" t="s">
        <v>67</v>
      </c>
      <c r="L1" s="4" t="s">
        <v>68</v>
      </c>
      <c r="M1" s="3" t="s">
        <v>29</v>
      </c>
      <c r="N1" s="3" t="s">
        <v>69</v>
      </c>
      <c r="O1" s="3" t="s">
        <v>70</v>
      </c>
      <c r="P1" s="3" t="s">
        <v>71</v>
      </c>
      <c r="Q1" s="4" t="s">
        <v>72</v>
      </c>
      <c r="R1" s="4" t="s">
        <v>73</v>
      </c>
      <c r="S1" s="4" t="s">
        <v>74</v>
      </c>
      <c r="T1" s="4" t="s">
        <v>75</v>
      </c>
      <c r="U1" s="4" t="s">
        <v>76</v>
      </c>
      <c r="V1" s="4" t="s">
        <v>77</v>
      </c>
      <c r="W1" s="4" t="s">
        <v>78</v>
      </c>
      <c r="X1" s="4" t="s">
        <v>79</v>
      </c>
      <c r="Y1" s="4" t="s">
        <v>80</v>
      </c>
    </row>
  </sheetData>
  <pageMargins left="0.7" right="0.7" top="0.75" bottom="0.75" header="0.3" footer="0.3"/>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CAD3D3F-B817-4473-AF87-08A4B3A55042}">
  <sheetPr codeName="Sheet6"/>
  <dimension ref="A1:AO1"/>
  <sheetViews>
    <sheetView workbookViewId="0">
      <pane ySplit="1" topLeftCell="A2" activePane="bottomLeft" state="frozen"/>
      <selection pane="bottomLeft" activeCell="A2" sqref="A2"/>
    </sheetView>
  </sheetViews>
  <sheetFormatPr defaultRowHeight="12.75" x14ac:dyDescent="0.2"/>
  <cols>
    <col min="1" max="5" width="4" style="2" bestFit="1" customWidth="1"/>
    <col min="6" max="6" width="6.85546875" style="2" bestFit="1" customWidth="1"/>
    <col min="7" max="14" width="4" style="2" bestFit="1" customWidth="1"/>
    <col min="15" max="16" width="6.85546875" style="2" bestFit="1" customWidth="1"/>
    <col min="17" max="17" width="6.85546875" style="2" customWidth="1"/>
    <col min="18" max="20" width="4" style="2" bestFit="1" customWidth="1"/>
    <col min="21" max="21" width="6.85546875" style="2" bestFit="1" customWidth="1"/>
    <col min="22" max="24" width="4" style="2" bestFit="1" customWidth="1"/>
    <col min="25" max="25" width="6.85546875" style="2" bestFit="1" customWidth="1"/>
    <col min="26" max="27" width="4" style="2" bestFit="1" customWidth="1"/>
    <col min="28" max="29" width="6.85546875" style="2" bestFit="1" customWidth="1"/>
    <col min="30" max="33" width="4" style="2" bestFit="1" customWidth="1"/>
    <col min="34" max="34" width="6.85546875" style="2" bestFit="1" customWidth="1"/>
    <col min="35" max="38" width="4" style="2" bestFit="1" customWidth="1"/>
    <col min="39" max="39" width="6.85546875" style="2" bestFit="1" customWidth="1"/>
    <col min="40" max="40" width="9.7109375" style="2" bestFit="1" customWidth="1"/>
    <col min="41" max="41" width="6.85546875" style="2" bestFit="1" customWidth="1"/>
    <col min="42" max="16384" width="9.140625" style="2"/>
  </cols>
  <sheetData>
    <row r="1" spans="1:41" s="1" customFormat="1" ht="123" customHeight="1" x14ac:dyDescent="0.25">
      <c r="A1" s="4" t="s">
        <v>9</v>
      </c>
      <c r="B1" s="4" t="s">
        <v>11</v>
      </c>
      <c r="C1" s="3" t="s">
        <v>81</v>
      </c>
      <c r="D1" s="3" t="s">
        <v>82</v>
      </c>
      <c r="E1" s="4" t="s">
        <v>83</v>
      </c>
      <c r="F1" s="4" t="s">
        <v>84</v>
      </c>
      <c r="G1" s="4" t="s">
        <v>85</v>
      </c>
      <c r="H1" s="3" t="s">
        <v>32</v>
      </c>
      <c r="I1" s="3" t="s">
        <v>33</v>
      </c>
      <c r="J1" s="3" t="s">
        <v>34</v>
      </c>
      <c r="K1" s="3" t="s">
        <v>35</v>
      </c>
      <c r="L1" s="3" t="s">
        <v>36</v>
      </c>
      <c r="M1" s="4" t="s">
        <v>37</v>
      </c>
      <c r="N1" s="4" t="s">
        <v>86</v>
      </c>
      <c r="O1" s="4" t="s">
        <v>87</v>
      </c>
      <c r="P1" s="4" t="s">
        <v>88</v>
      </c>
      <c r="Q1" s="5" t="s">
        <v>22</v>
      </c>
      <c r="R1" s="3" t="s">
        <v>29</v>
      </c>
      <c r="S1" s="3" t="s">
        <v>89</v>
      </c>
      <c r="T1" s="4" t="s">
        <v>53</v>
      </c>
      <c r="U1" s="4" t="s">
        <v>90</v>
      </c>
      <c r="V1" s="4" t="s">
        <v>91</v>
      </c>
      <c r="W1" s="4" t="s">
        <v>92</v>
      </c>
      <c r="X1" s="4" t="s">
        <v>93</v>
      </c>
      <c r="Y1" s="4" t="s">
        <v>94</v>
      </c>
      <c r="Z1" s="4" t="s">
        <v>95</v>
      </c>
      <c r="AA1" s="4" t="s">
        <v>96</v>
      </c>
      <c r="AB1" s="4" t="s">
        <v>97</v>
      </c>
      <c r="AC1" s="4" t="s">
        <v>98</v>
      </c>
      <c r="AD1" s="4" t="s">
        <v>99</v>
      </c>
      <c r="AE1" s="4" t="s">
        <v>100</v>
      </c>
      <c r="AF1" s="4" t="s">
        <v>101</v>
      </c>
      <c r="AG1" s="4" t="s">
        <v>102</v>
      </c>
      <c r="AH1" s="4" t="s">
        <v>103</v>
      </c>
      <c r="AI1" s="4" t="s">
        <v>104</v>
      </c>
      <c r="AJ1" s="4" t="s">
        <v>105</v>
      </c>
      <c r="AK1" s="4" t="s">
        <v>106</v>
      </c>
      <c r="AL1" s="4" t="s">
        <v>38</v>
      </c>
      <c r="AM1" s="4" t="s">
        <v>107</v>
      </c>
      <c r="AN1" s="5" t="s">
        <v>108</v>
      </c>
      <c r="AO1" s="6" t="s">
        <v>41</v>
      </c>
    </row>
  </sheetData>
  <pageMargins left="0.7" right="0.7" top="0.75" bottom="0.75" header="0.3" footer="0.3"/>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4E85657-EB81-4800-BBE5-185772263A37}">
  <sheetPr codeName="Sheet7"/>
  <dimension ref="A1:F1041"/>
  <sheetViews>
    <sheetView workbookViewId="0">
      <pane ySplit="1" topLeftCell="A2" activePane="bottomLeft" state="frozen"/>
      <selection pane="bottomLeft" activeCell="A2" sqref="A2"/>
    </sheetView>
  </sheetViews>
  <sheetFormatPr defaultRowHeight="12" x14ac:dyDescent="0.25"/>
  <cols>
    <col min="1" max="1" width="14.7109375" style="18" customWidth="1"/>
    <col min="2" max="2" width="49.7109375" style="21" customWidth="1"/>
    <col min="3" max="3" width="10.7109375" style="17" customWidth="1"/>
    <col min="4" max="4" width="14.7109375" style="17" customWidth="1"/>
    <col min="5" max="5" width="38.7109375" style="17" customWidth="1"/>
    <col min="6" max="6" width="25.7109375" style="17" customWidth="1"/>
    <col min="7" max="16384" width="9.140625" style="17"/>
  </cols>
  <sheetData>
    <row r="1" spans="1:6" s="14" customFormat="1" ht="24" x14ac:dyDescent="0.25">
      <c r="A1" s="12" t="s">
        <v>1742</v>
      </c>
      <c r="B1" s="19" t="s">
        <v>1741</v>
      </c>
      <c r="C1" s="13" t="s">
        <v>1740</v>
      </c>
      <c r="D1" s="13" t="s">
        <v>1739</v>
      </c>
      <c r="E1" s="13" t="s">
        <v>1738</v>
      </c>
      <c r="F1" s="13" t="s">
        <v>1737</v>
      </c>
    </row>
    <row r="2" spans="1:6" ht="48.75" thickBot="1" x14ac:dyDescent="0.3">
      <c r="A2" s="22" t="s">
        <v>0</v>
      </c>
      <c r="B2" s="23" t="s">
        <v>1736</v>
      </c>
      <c r="C2" s="24"/>
      <c r="D2" s="24"/>
      <c r="E2" s="24"/>
      <c r="F2" s="16"/>
    </row>
    <row r="3" spans="1:6" ht="73.5" thickTop="1" thickBot="1" x14ac:dyDescent="0.3">
      <c r="A3" s="28" t="s">
        <v>1</v>
      </c>
      <c r="B3" s="29" t="s">
        <v>1735</v>
      </c>
      <c r="C3" s="30"/>
      <c r="D3" s="30"/>
      <c r="E3" s="30"/>
      <c r="F3" s="16" t="s">
        <v>1734</v>
      </c>
    </row>
    <row r="4" spans="1:6" ht="121.5" thickTop="1" thickBot="1" x14ac:dyDescent="0.3">
      <c r="A4" s="28" t="s">
        <v>2</v>
      </c>
      <c r="B4" s="29" t="s">
        <v>1733</v>
      </c>
      <c r="C4" s="30"/>
      <c r="D4" s="30"/>
      <c r="E4" s="30"/>
      <c r="F4" s="16" t="s">
        <v>1732</v>
      </c>
    </row>
    <row r="5" spans="1:6" ht="24.75" thickTop="1" x14ac:dyDescent="0.25">
      <c r="A5" s="25" t="s">
        <v>3</v>
      </c>
      <c r="B5" s="26" t="s">
        <v>1722</v>
      </c>
      <c r="C5" s="27" t="s">
        <v>1731</v>
      </c>
      <c r="D5" s="27" t="s">
        <v>1730</v>
      </c>
      <c r="E5" s="27" t="s">
        <v>1729</v>
      </c>
      <c r="F5" s="16" t="s">
        <v>1713</v>
      </c>
    </row>
    <row r="6" spans="1:6" x14ac:dyDescent="0.25">
      <c r="A6" s="15" t="s">
        <v>3</v>
      </c>
      <c r="B6" s="20" t="s">
        <v>1748</v>
      </c>
      <c r="C6" s="16" t="s">
        <v>1728</v>
      </c>
      <c r="D6" s="16" t="s">
        <v>1727</v>
      </c>
      <c r="E6" s="16" t="s">
        <v>1726</v>
      </c>
      <c r="F6" s="16" t="s">
        <v>1713</v>
      </c>
    </row>
    <row r="7" spans="1:6" x14ac:dyDescent="0.25">
      <c r="A7" s="15" t="s">
        <v>3</v>
      </c>
      <c r="B7" s="20" t="s">
        <v>1748</v>
      </c>
      <c r="C7" s="16" t="s">
        <v>1725</v>
      </c>
      <c r="D7" s="16" t="s">
        <v>1724</v>
      </c>
      <c r="E7" s="16" t="s">
        <v>1723</v>
      </c>
      <c r="F7" s="16" t="s">
        <v>1713</v>
      </c>
    </row>
    <row r="8" spans="1:6" ht="12.75" thickBot="1" x14ac:dyDescent="0.3">
      <c r="A8" s="22" t="s">
        <v>3</v>
      </c>
      <c r="B8" s="23" t="s">
        <v>1748</v>
      </c>
      <c r="C8" s="24" t="s">
        <v>1721</v>
      </c>
      <c r="D8" s="24" t="s">
        <v>1720</v>
      </c>
      <c r="E8" s="24" t="s">
        <v>1719</v>
      </c>
      <c r="F8" s="16" t="s">
        <v>1713</v>
      </c>
    </row>
    <row r="9" spans="1:6" ht="109.5" thickTop="1" thickBot="1" x14ac:dyDescent="0.3">
      <c r="A9" s="28" t="s">
        <v>4</v>
      </c>
      <c r="B9" s="29" t="s">
        <v>1718</v>
      </c>
      <c r="C9" s="30"/>
      <c r="D9" s="30"/>
      <c r="E9" s="30"/>
      <c r="F9" s="16" t="s">
        <v>1713</v>
      </c>
    </row>
    <row r="10" spans="1:6" ht="25.5" thickTop="1" thickBot="1" x14ac:dyDescent="0.3">
      <c r="A10" s="28" t="s">
        <v>5</v>
      </c>
      <c r="B10" s="29" t="s">
        <v>1717</v>
      </c>
      <c r="C10" s="30"/>
      <c r="D10" s="30"/>
      <c r="E10" s="30"/>
      <c r="F10" s="16" t="s">
        <v>1713</v>
      </c>
    </row>
    <row r="11" spans="1:6" ht="37.5" thickTop="1" thickBot="1" x14ac:dyDescent="0.3">
      <c r="A11" s="28" t="s">
        <v>6</v>
      </c>
      <c r="B11" s="29" t="s">
        <v>1716</v>
      </c>
      <c r="C11" s="30"/>
      <c r="D11" s="30"/>
      <c r="E11" s="30"/>
      <c r="F11" s="16" t="s">
        <v>1713</v>
      </c>
    </row>
    <row r="12" spans="1:6" ht="109.5" thickTop="1" thickBot="1" x14ac:dyDescent="0.3">
      <c r="A12" s="28" t="s">
        <v>7</v>
      </c>
      <c r="B12" s="29" t="s">
        <v>1715</v>
      </c>
      <c r="C12" s="30"/>
      <c r="D12" s="30"/>
      <c r="E12" s="30"/>
      <c r="F12" s="16" t="s">
        <v>1713</v>
      </c>
    </row>
    <row r="13" spans="1:6" ht="37.5" thickTop="1" thickBot="1" x14ac:dyDescent="0.3">
      <c r="A13" s="28" t="s">
        <v>8</v>
      </c>
      <c r="B13" s="29" t="s">
        <v>1714</v>
      </c>
      <c r="C13" s="30"/>
      <c r="D13" s="30"/>
      <c r="E13" s="30"/>
      <c r="F13" s="16" t="s">
        <v>1713</v>
      </c>
    </row>
    <row r="14" spans="1:6" ht="145.5" thickTop="1" thickBot="1" x14ac:dyDescent="0.3">
      <c r="A14" s="28" t="s">
        <v>10</v>
      </c>
      <c r="B14" s="29" t="s">
        <v>1712</v>
      </c>
      <c r="C14" s="30"/>
      <c r="D14" s="30"/>
      <c r="E14" s="30"/>
      <c r="F14" s="16" t="s">
        <v>740</v>
      </c>
    </row>
    <row r="15" spans="1:6" ht="37.5" thickTop="1" thickBot="1" x14ac:dyDescent="0.3">
      <c r="A15" s="28" t="s">
        <v>1711</v>
      </c>
      <c r="B15" s="29" t="s">
        <v>1710</v>
      </c>
      <c r="C15" s="30"/>
      <c r="D15" s="30"/>
      <c r="E15" s="30"/>
      <c r="F15" s="16" t="s">
        <v>740</v>
      </c>
    </row>
    <row r="16" spans="1:6" ht="145.5" thickTop="1" thickBot="1" x14ac:dyDescent="0.3">
      <c r="A16" s="28" t="s">
        <v>1709</v>
      </c>
      <c r="B16" s="29" t="s">
        <v>1708</v>
      </c>
      <c r="C16" s="30"/>
      <c r="D16" s="30"/>
      <c r="E16" s="30"/>
      <c r="F16" s="16" t="s">
        <v>738</v>
      </c>
    </row>
    <row r="17" spans="1:6" ht="49.5" thickTop="1" thickBot="1" x14ac:dyDescent="0.3">
      <c r="A17" s="28" t="s">
        <v>12</v>
      </c>
      <c r="B17" s="29" t="s">
        <v>1707</v>
      </c>
      <c r="C17" s="30"/>
      <c r="D17" s="30"/>
      <c r="E17" s="30"/>
      <c r="F17" s="16" t="s">
        <v>738</v>
      </c>
    </row>
    <row r="18" spans="1:6" ht="85.5" thickTop="1" thickBot="1" x14ac:dyDescent="0.3">
      <c r="A18" s="28" t="s">
        <v>13</v>
      </c>
      <c r="B18" s="29" t="s">
        <v>1706</v>
      </c>
      <c r="C18" s="30"/>
      <c r="D18" s="30"/>
      <c r="E18" s="30"/>
      <c r="F18" s="16" t="s">
        <v>738</v>
      </c>
    </row>
    <row r="19" spans="1:6" ht="85.5" thickTop="1" thickBot="1" x14ac:dyDescent="0.3">
      <c r="A19" s="28" t="s">
        <v>14</v>
      </c>
      <c r="B19" s="29" t="s">
        <v>1705</v>
      </c>
      <c r="C19" s="30"/>
      <c r="D19" s="30"/>
      <c r="E19" s="30"/>
      <c r="F19" s="16" t="s">
        <v>738</v>
      </c>
    </row>
    <row r="20" spans="1:6" ht="61.5" thickTop="1" thickBot="1" x14ac:dyDescent="0.3">
      <c r="A20" s="28" t="s">
        <v>15</v>
      </c>
      <c r="B20" s="29" t="s">
        <v>1704</v>
      </c>
      <c r="C20" s="30"/>
      <c r="D20" s="30"/>
      <c r="E20" s="30"/>
      <c r="F20" s="16" t="s">
        <v>738</v>
      </c>
    </row>
    <row r="21" spans="1:6" ht="61.5" thickTop="1" thickBot="1" x14ac:dyDescent="0.3">
      <c r="A21" s="28" t="s">
        <v>16</v>
      </c>
      <c r="B21" s="29" t="s">
        <v>1703</v>
      </c>
      <c r="C21" s="30"/>
      <c r="D21" s="30"/>
      <c r="E21" s="30"/>
      <c r="F21" s="16" t="s">
        <v>738</v>
      </c>
    </row>
    <row r="22" spans="1:6" ht="49.5" thickTop="1" thickBot="1" x14ac:dyDescent="0.3">
      <c r="A22" s="28" t="s">
        <v>1702</v>
      </c>
      <c r="B22" s="29" t="s">
        <v>1701</v>
      </c>
      <c r="C22" s="30"/>
      <c r="D22" s="30"/>
      <c r="E22" s="30"/>
      <c r="F22" s="16" t="s">
        <v>738</v>
      </c>
    </row>
    <row r="23" spans="1:6" ht="13.5" thickTop="1" thickBot="1" x14ac:dyDescent="0.3">
      <c r="A23" s="28" t="s">
        <v>1700</v>
      </c>
      <c r="B23" s="29" t="s">
        <v>1699</v>
      </c>
      <c r="C23" s="30"/>
      <c r="D23" s="30"/>
      <c r="E23" s="30"/>
      <c r="F23" s="16" t="s">
        <v>738</v>
      </c>
    </row>
    <row r="24" spans="1:6" ht="24.75" thickTop="1" x14ac:dyDescent="0.25">
      <c r="A24" s="25" t="s">
        <v>1606</v>
      </c>
      <c r="B24" s="26" t="s">
        <v>1605</v>
      </c>
      <c r="C24" s="27" t="s">
        <v>1698</v>
      </c>
      <c r="D24" s="27" t="s">
        <v>1697</v>
      </c>
      <c r="E24" s="27" t="s">
        <v>1696</v>
      </c>
      <c r="F24" s="16" t="s">
        <v>738</v>
      </c>
    </row>
    <row r="25" spans="1:6" ht="24" x14ac:dyDescent="0.25">
      <c r="A25" s="15" t="s">
        <v>1606</v>
      </c>
      <c r="B25" s="20" t="s">
        <v>1748</v>
      </c>
      <c r="C25" s="16" t="s">
        <v>1695</v>
      </c>
      <c r="D25" s="16" t="s">
        <v>1694</v>
      </c>
      <c r="E25" s="16" t="s">
        <v>1693</v>
      </c>
      <c r="F25" s="16" t="s">
        <v>738</v>
      </c>
    </row>
    <row r="26" spans="1:6" ht="24" x14ac:dyDescent="0.25">
      <c r="A26" s="15" t="s">
        <v>1606</v>
      </c>
      <c r="B26" s="20" t="s">
        <v>1748</v>
      </c>
      <c r="C26" s="16" t="s">
        <v>1692</v>
      </c>
      <c r="D26" s="16" t="s">
        <v>1691</v>
      </c>
      <c r="E26" s="16" t="s">
        <v>1690</v>
      </c>
      <c r="F26" s="16" t="s">
        <v>738</v>
      </c>
    </row>
    <row r="27" spans="1:6" ht="36" x14ac:dyDescent="0.25">
      <c r="A27" s="15" t="s">
        <v>1606</v>
      </c>
      <c r="B27" s="20" t="s">
        <v>1748</v>
      </c>
      <c r="C27" s="16" t="s">
        <v>1689</v>
      </c>
      <c r="D27" s="16" t="s">
        <v>1688</v>
      </c>
      <c r="E27" s="16" t="s">
        <v>1687</v>
      </c>
      <c r="F27" s="16" t="s">
        <v>738</v>
      </c>
    </row>
    <row r="28" spans="1:6" ht="36" x14ac:dyDescent="0.25">
      <c r="A28" s="15" t="s">
        <v>1606</v>
      </c>
      <c r="B28" s="20" t="s">
        <v>1748</v>
      </c>
      <c r="C28" s="16" t="s">
        <v>1686</v>
      </c>
      <c r="D28" s="16" t="s">
        <v>1685</v>
      </c>
      <c r="E28" s="16" t="s">
        <v>1684</v>
      </c>
      <c r="F28" s="16" t="s">
        <v>738</v>
      </c>
    </row>
    <row r="29" spans="1:6" ht="36" x14ac:dyDescent="0.25">
      <c r="A29" s="15" t="s">
        <v>1606</v>
      </c>
      <c r="B29" s="20" t="s">
        <v>1748</v>
      </c>
      <c r="C29" s="16" t="s">
        <v>1683</v>
      </c>
      <c r="D29" s="16" t="s">
        <v>1682</v>
      </c>
      <c r="E29" s="16" t="s">
        <v>1681</v>
      </c>
      <c r="F29" s="16" t="s">
        <v>738</v>
      </c>
    </row>
    <row r="30" spans="1:6" ht="24" x14ac:dyDescent="0.25">
      <c r="A30" s="15" t="s">
        <v>1606</v>
      </c>
      <c r="B30" s="20" t="s">
        <v>1748</v>
      </c>
      <c r="C30" s="16" t="s">
        <v>1680</v>
      </c>
      <c r="D30" s="16" t="s">
        <v>1679</v>
      </c>
      <c r="E30" s="16" t="s">
        <v>1678</v>
      </c>
      <c r="F30" s="16" t="s">
        <v>738</v>
      </c>
    </row>
    <row r="31" spans="1:6" ht="24" x14ac:dyDescent="0.25">
      <c r="A31" s="15" t="s">
        <v>1606</v>
      </c>
      <c r="B31" s="20" t="s">
        <v>1748</v>
      </c>
      <c r="C31" s="16" t="s">
        <v>1677</v>
      </c>
      <c r="D31" s="16" t="s">
        <v>1676</v>
      </c>
      <c r="E31" s="16" t="s">
        <v>1675</v>
      </c>
      <c r="F31" s="16" t="s">
        <v>738</v>
      </c>
    </row>
    <row r="32" spans="1:6" ht="24" x14ac:dyDescent="0.25">
      <c r="A32" s="15" t="s">
        <v>1606</v>
      </c>
      <c r="B32" s="20" t="s">
        <v>1748</v>
      </c>
      <c r="C32" s="16" t="s">
        <v>1674</v>
      </c>
      <c r="D32" s="16" t="s">
        <v>1673</v>
      </c>
      <c r="E32" s="16" t="s">
        <v>1672</v>
      </c>
      <c r="F32" s="16" t="s">
        <v>738</v>
      </c>
    </row>
    <row r="33" spans="1:6" ht="60" x14ac:dyDescent="0.25">
      <c r="A33" s="15" t="s">
        <v>1606</v>
      </c>
      <c r="B33" s="20" t="s">
        <v>1748</v>
      </c>
      <c r="C33" s="16" t="s">
        <v>1671</v>
      </c>
      <c r="D33" s="16" t="s">
        <v>1670</v>
      </c>
      <c r="E33" s="16" t="s">
        <v>1669</v>
      </c>
      <c r="F33" s="16" t="s">
        <v>738</v>
      </c>
    </row>
    <row r="34" spans="1:6" ht="24" x14ac:dyDescent="0.25">
      <c r="A34" s="15" t="s">
        <v>1606</v>
      </c>
      <c r="B34" s="20" t="s">
        <v>1748</v>
      </c>
      <c r="C34" s="16" t="s">
        <v>1668</v>
      </c>
      <c r="D34" s="16" t="s">
        <v>1667</v>
      </c>
      <c r="E34" s="16" t="s">
        <v>1666</v>
      </c>
      <c r="F34" s="16" t="s">
        <v>738</v>
      </c>
    </row>
    <row r="35" spans="1:6" ht="24" x14ac:dyDescent="0.25">
      <c r="A35" s="15" t="s">
        <v>1606</v>
      </c>
      <c r="B35" s="20" t="s">
        <v>1748</v>
      </c>
      <c r="C35" s="16" t="s">
        <v>1665</v>
      </c>
      <c r="D35" s="16" t="s">
        <v>1664</v>
      </c>
      <c r="E35" s="16" t="s">
        <v>1663</v>
      </c>
      <c r="F35" s="16" t="s">
        <v>738</v>
      </c>
    </row>
    <row r="36" spans="1:6" ht="24" x14ac:dyDescent="0.25">
      <c r="A36" s="15" t="s">
        <v>1606</v>
      </c>
      <c r="B36" s="20" t="s">
        <v>1748</v>
      </c>
      <c r="C36" s="16" t="s">
        <v>1662</v>
      </c>
      <c r="D36" s="16" t="s">
        <v>1661</v>
      </c>
      <c r="E36" s="16" t="s">
        <v>1658</v>
      </c>
      <c r="F36" s="16" t="s">
        <v>738</v>
      </c>
    </row>
    <row r="37" spans="1:6" ht="24" x14ac:dyDescent="0.25">
      <c r="A37" s="15" t="s">
        <v>1606</v>
      </c>
      <c r="B37" s="20" t="s">
        <v>1748</v>
      </c>
      <c r="C37" s="16" t="s">
        <v>1660</v>
      </c>
      <c r="D37" s="16" t="s">
        <v>1659</v>
      </c>
      <c r="E37" s="16" t="s">
        <v>1658</v>
      </c>
      <c r="F37" s="16" t="s">
        <v>738</v>
      </c>
    </row>
    <row r="38" spans="1:6" ht="24" x14ac:dyDescent="0.25">
      <c r="A38" s="15" t="s">
        <v>1606</v>
      </c>
      <c r="B38" s="20" t="s">
        <v>1748</v>
      </c>
      <c r="C38" s="16" t="s">
        <v>1657</v>
      </c>
      <c r="D38" s="16" t="s">
        <v>1656</v>
      </c>
      <c r="E38" s="16" t="s">
        <v>1655</v>
      </c>
      <c r="F38" s="16" t="s">
        <v>738</v>
      </c>
    </row>
    <row r="39" spans="1:6" ht="24" x14ac:dyDescent="0.25">
      <c r="A39" s="15" t="s">
        <v>1606</v>
      </c>
      <c r="B39" s="20" t="s">
        <v>1748</v>
      </c>
      <c r="C39" s="16" t="s">
        <v>1654</v>
      </c>
      <c r="D39" s="16" t="s">
        <v>1653</v>
      </c>
      <c r="E39" s="16" t="s">
        <v>1652</v>
      </c>
      <c r="F39" s="16" t="s">
        <v>738</v>
      </c>
    </row>
    <row r="40" spans="1:6" ht="24" x14ac:dyDescent="0.25">
      <c r="A40" s="15" t="s">
        <v>1606</v>
      </c>
      <c r="B40" s="20" t="s">
        <v>1748</v>
      </c>
      <c r="C40" s="16" t="s">
        <v>1651</v>
      </c>
      <c r="D40" s="16" t="s">
        <v>1650</v>
      </c>
      <c r="E40" s="16" t="s">
        <v>1650</v>
      </c>
      <c r="F40" s="16" t="s">
        <v>738</v>
      </c>
    </row>
    <row r="41" spans="1:6" ht="24" x14ac:dyDescent="0.25">
      <c r="A41" s="15" t="s">
        <v>1606</v>
      </c>
      <c r="B41" s="20" t="s">
        <v>1748</v>
      </c>
      <c r="C41" s="16" t="s">
        <v>1649</v>
      </c>
      <c r="D41" s="16" t="s">
        <v>1648</v>
      </c>
      <c r="E41" s="16" t="s">
        <v>1647</v>
      </c>
      <c r="F41" s="16" t="s">
        <v>738</v>
      </c>
    </row>
    <row r="42" spans="1:6" ht="24" x14ac:dyDescent="0.25">
      <c r="A42" s="15" t="s">
        <v>1606</v>
      </c>
      <c r="B42" s="20" t="s">
        <v>1748</v>
      </c>
      <c r="C42" s="16" t="s">
        <v>1646</v>
      </c>
      <c r="D42" s="16" t="s">
        <v>1645</v>
      </c>
      <c r="E42" s="16" t="s">
        <v>1644</v>
      </c>
      <c r="F42" s="16" t="s">
        <v>738</v>
      </c>
    </row>
    <row r="43" spans="1:6" ht="48" x14ac:dyDescent="0.25">
      <c r="A43" s="15" t="s">
        <v>1606</v>
      </c>
      <c r="B43" s="20" t="s">
        <v>1748</v>
      </c>
      <c r="C43" s="16" t="s">
        <v>1643</v>
      </c>
      <c r="D43" s="16" t="s">
        <v>1642</v>
      </c>
      <c r="E43" s="16" t="s">
        <v>1641</v>
      </c>
      <c r="F43" s="16" t="s">
        <v>738</v>
      </c>
    </row>
    <row r="44" spans="1:6" ht="24" x14ac:dyDescent="0.25">
      <c r="A44" s="15" t="s">
        <v>1606</v>
      </c>
      <c r="B44" s="20" t="s">
        <v>1748</v>
      </c>
      <c r="C44" s="16" t="s">
        <v>1640</v>
      </c>
      <c r="D44" s="16" t="s">
        <v>1639</v>
      </c>
      <c r="E44" s="16" t="s">
        <v>1639</v>
      </c>
      <c r="F44" s="16" t="s">
        <v>738</v>
      </c>
    </row>
    <row r="45" spans="1:6" ht="24" x14ac:dyDescent="0.25">
      <c r="A45" s="15" t="s">
        <v>1606</v>
      </c>
      <c r="B45" s="20" t="s">
        <v>1748</v>
      </c>
      <c r="C45" s="16" t="s">
        <v>1638</v>
      </c>
      <c r="D45" s="16" t="s">
        <v>1637</v>
      </c>
      <c r="E45" s="16" t="s">
        <v>1636</v>
      </c>
      <c r="F45" s="16" t="s">
        <v>738</v>
      </c>
    </row>
    <row r="46" spans="1:6" ht="24" x14ac:dyDescent="0.25">
      <c r="A46" s="15" t="s">
        <v>1606</v>
      </c>
      <c r="B46" s="20" t="s">
        <v>1748</v>
      </c>
      <c r="C46" s="16" t="s">
        <v>1635</v>
      </c>
      <c r="D46" s="16" t="s">
        <v>1634</v>
      </c>
      <c r="E46" s="16" t="s">
        <v>1633</v>
      </c>
      <c r="F46" s="16" t="s">
        <v>738</v>
      </c>
    </row>
    <row r="47" spans="1:6" ht="24" x14ac:dyDescent="0.25">
      <c r="A47" s="15" t="s">
        <v>1606</v>
      </c>
      <c r="B47" s="20" t="s">
        <v>1748</v>
      </c>
      <c r="C47" s="16" t="s">
        <v>1632</v>
      </c>
      <c r="D47" s="16" t="s">
        <v>1631</v>
      </c>
      <c r="E47" s="16" t="s">
        <v>1630</v>
      </c>
      <c r="F47" s="16" t="s">
        <v>738</v>
      </c>
    </row>
    <row r="48" spans="1:6" ht="24" x14ac:dyDescent="0.25">
      <c r="A48" s="15" t="s">
        <v>1606</v>
      </c>
      <c r="B48" s="20" t="s">
        <v>1748</v>
      </c>
      <c r="C48" s="16" t="s">
        <v>1629</v>
      </c>
      <c r="D48" s="16" t="s">
        <v>1628</v>
      </c>
      <c r="E48" s="16" t="s">
        <v>1627</v>
      </c>
      <c r="F48" s="16" t="s">
        <v>738</v>
      </c>
    </row>
    <row r="49" spans="1:6" ht="24" x14ac:dyDescent="0.25">
      <c r="A49" s="15" t="s">
        <v>1606</v>
      </c>
      <c r="B49" s="20" t="s">
        <v>1748</v>
      </c>
      <c r="C49" s="16" t="s">
        <v>1626</v>
      </c>
      <c r="D49" s="16" t="s">
        <v>1625</v>
      </c>
      <c r="E49" s="16" t="s">
        <v>1624</v>
      </c>
      <c r="F49" s="16" t="s">
        <v>738</v>
      </c>
    </row>
    <row r="50" spans="1:6" ht="24" x14ac:dyDescent="0.25">
      <c r="A50" s="15" t="s">
        <v>1606</v>
      </c>
      <c r="B50" s="20" t="s">
        <v>1748</v>
      </c>
      <c r="C50" s="16" t="s">
        <v>1623</v>
      </c>
      <c r="D50" s="16" t="s">
        <v>1622</v>
      </c>
      <c r="E50" s="16" t="s">
        <v>1622</v>
      </c>
      <c r="F50" s="16" t="s">
        <v>738</v>
      </c>
    </row>
    <row r="51" spans="1:6" ht="24" x14ac:dyDescent="0.25">
      <c r="A51" s="15" t="s">
        <v>1606</v>
      </c>
      <c r="B51" s="20" t="s">
        <v>1748</v>
      </c>
      <c r="C51" s="16" t="s">
        <v>1621</v>
      </c>
      <c r="D51" s="16" t="s">
        <v>1620</v>
      </c>
      <c r="E51" s="16" t="s">
        <v>1619</v>
      </c>
      <c r="F51" s="16" t="s">
        <v>738</v>
      </c>
    </row>
    <row r="52" spans="1:6" ht="24" x14ac:dyDescent="0.25">
      <c r="A52" s="15" t="s">
        <v>1606</v>
      </c>
      <c r="B52" s="20" t="s">
        <v>1748</v>
      </c>
      <c r="C52" s="16" t="s">
        <v>1618</v>
      </c>
      <c r="D52" s="16" t="s">
        <v>1617</v>
      </c>
      <c r="E52" s="16" t="s">
        <v>1617</v>
      </c>
      <c r="F52" s="16" t="s">
        <v>738</v>
      </c>
    </row>
    <row r="53" spans="1:6" ht="36" x14ac:dyDescent="0.25">
      <c r="A53" s="15" t="s">
        <v>1606</v>
      </c>
      <c r="B53" s="20" t="s">
        <v>1748</v>
      </c>
      <c r="C53" s="16" t="s">
        <v>1616</v>
      </c>
      <c r="D53" s="16" t="s">
        <v>1615</v>
      </c>
      <c r="E53" s="16" t="s">
        <v>1615</v>
      </c>
      <c r="F53" s="16" t="s">
        <v>738</v>
      </c>
    </row>
    <row r="54" spans="1:6" ht="24" x14ac:dyDescent="0.25">
      <c r="A54" s="15" t="s">
        <v>1606</v>
      </c>
      <c r="B54" s="20" t="s">
        <v>1748</v>
      </c>
      <c r="C54" s="16" t="s">
        <v>1614</v>
      </c>
      <c r="D54" s="16" t="s">
        <v>1613</v>
      </c>
      <c r="E54" s="16" t="s">
        <v>1613</v>
      </c>
      <c r="F54" s="16" t="s">
        <v>738</v>
      </c>
    </row>
    <row r="55" spans="1:6" ht="24" x14ac:dyDescent="0.25">
      <c r="A55" s="15" t="s">
        <v>1606</v>
      </c>
      <c r="B55" s="20" t="s">
        <v>1748</v>
      </c>
      <c r="C55" s="16" t="s">
        <v>1612</v>
      </c>
      <c r="D55" s="16" t="s">
        <v>1611</v>
      </c>
      <c r="E55" s="16" t="s">
        <v>1611</v>
      </c>
      <c r="F55" s="16" t="s">
        <v>738</v>
      </c>
    </row>
    <row r="56" spans="1:6" ht="24" x14ac:dyDescent="0.25">
      <c r="A56" s="15" t="s">
        <v>1606</v>
      </c>
      <c r="B56" s="20" t="s">
        <v>1748</v>
      </c>
      <c r="C56" s="16" t="s">
        <v>1610</v>
      </c>
      <c r="D56" s="16" t="s">
        <v>1609</v>
      </c>
      <c r="E56" s="16" t="s">
        <v>1609</v>
      </c>
      <c r="F56" s="16" t="s">
        <v>738</v>
      </c>
    </row>
    <row r="57" spans="1:6" ht="36" x14ac:dyDescent="0.25">
      <c r="A57" s="15" t="s">
        <v>1606</v>
      </c>
      <c r="B57" s="20" t="s">
        <v>1748</v>
      </c>
      <c r="C57" s="16" t="s">
        <v>1608</v>
      </c>
      <c r="D57" s="16" t="s">
        <v>1607</v>
      </c>
      <c r="E57" s="16" t="s">
        <v>1607</v>
      </c>
      <c r="F57" s="16" t="s">
        <v>738</v>
      </c>
    </row>
    <row r="58" spans="1:6" ht="24.75" thickBot="1" x14ac:dyDescent="0.3">
      <c r="A58" s="22" t="s">
        <v>1606</v>
      </c>
      <c r="B58" s="23" t="s">
        <v>1748</v>
      </c>
      <c r="C58" s="24" t="s">
        <v>1604</v>
      </c>
      <c r="D58" s="24" t="s">
        <v>1603</v>
      </c>
      <c r="E58" s="24" t="s">
        <v>1602</v>
      </c>
      <c r="F58" s="16" t="s">
        <v>738</v>
      </c>
    </row>
    <row r="59" spans="1:6" ht="25.5" thickTop="1" thickBot="1" x14ac:dyDescent="0.3">
      <c r="A59" s="28" t="s">
        <v>1601</v>
      </c>
      <c r="B59" s="29" t="s">
        <v>1600</v>
      </c>
      <c r="C59" s="30"/>
      <c r="D59" s="30"/>
      <c r="E59" s="30"/>
      <c r="F59" s="16" t="s">
        <v>738</v>
      </c>
    </row>
    <row r="60" spans="1:6" ht="13.5" thickTop="1" thickBot="1" x14ac:dyDescent="0.3">
      <c r="A60" s="28" t="s">
        <v>1599</v>
      </c>
      <c r="B60" s="29" t="s">
        <v>1598</v>
      </c>
      <c r="C60" s="30"/>
      <c r="D60" s="30"/>
      <c r="E60" s="30"/>
      <c r="F60" s="16" t="s">
        <v>738</v>
      </c>
    </row>
    <row r="61" spans="1:6" ht="13.5" thickTop="1" thickBot="1" x14ac:dyDescent="0.3">
      <c r="A61" s="28" t="s">
        <v>1597</v>
      </c>
      <c r="B61" s="29" t="s">
        <v>1596</v>
      </c>
      <c r="C61" s="30"/>
      <c r="D61" s="30"/>
      <c r="E61" s="30"/>
      <c r="F61" s="16" t="s">
        <v>738</v>
      </c>
    </row>
    <row r="62" spans="1:6" ht="13.5" thickTop="1" thickBot="1" x14ac:dyDescent="0.3">
      <c r="A62" s="28" t="s">
        <v>1595</v>
      </c>
      <c r="B62" s="29" t="s">
        <v>1594</v>
      </c>
      <c r="C62" s="30"/>
      <c r="D62" s="30"/>
      <c r="E62" s="30"/>
      <c r="F62" s="16" t="s">
        <v>738</v>
      </c>
    </row>
    <row r="63" spans="1:6" ht="24.75" thickTop="1" x14ac:dyDescent="0.25">
      <c r="A63" s="25" t="s">
        <v>1571</v>
      </c>
      <c r="B63" s="26" t="s">
        <v>1570</v>
      </c>
      <c r="C63" s="27" t="s">
        <v>1593</v>
      </c>
      <c r="D63" s="27" t="s">
        <v>1592</v>
      </c>
      <c r="E63" s="27"/>
      <c r="F63" s="16" t="s">
        <v>738</v>
      </c>
    </row>
    <row r="64" spans="1:6" ht="24" x14ac:dyDescent="0.25">
      <c r="A64" s="15" t="s">
        <v>1571</v>
      </c>
      <c r="B64" s="20" t="s">
        <v>1748</v>
      </c>
      <c r="C64" s="16" t="s">
        <v>340</v>
      </c>
      <c r="D64" s="16" t="s">
        <v>1591</v>
      </c>
      <c r="E64" s="16"/>
      <c r="F64" s="16" t="s">
        <v>738</v>
      </c>
    </row>
    <row r="65" spans="1:6" ht="24" x14ac:dyDescent="0.25">
      <c r="A65" s="15" t="s">
        <v>1571</v>
      </c>
      <c r="B65" s="20" t="s">
        <v>1748</v>
      </c>
      <c r="C65" s="16" t="s">
        <v>337</v>
      </c>
      <c r="D65" s="16" t="s">
        <v>1590</v>
      </c>
      <c r="E65" s="16"/>
      <c r="F65" s="16" t="s">
        <v>738</v>
      </c>
    </row>
    <row r="66" spans="1:6" ht="24" x14ac:dyDescent="0.25">
      <c r="A66" s="15" t="s">
        <v>1571</v>
      </c>
      <c r="B66" s="20" t="s">
        <v>1748</v>
      </c>
      <c r="C66" s="16" t="s">
        <v>331</v>
      </c>
      <c r="D66" s="16" t="s">
        <v>1589</v>
      </c>
      <c r="E66" s="16"/>
      <c r="F66" s="16" t="s">
        <v>738</v>
      </c>
    </row>
    <row r="67" spans="1:6" ht="24" x14ac:dyDescent="0.25">
      <c r="A67" s="15" t="s">
        <v>1571</v>
      </c>
      <c r="B67" s="20" t="s">
        <v>1748</v>
      </c>
      <c r="C67" s="16" t="s">
        <v>1588</v>
      </c>
      <c r="D67" s="16" t="s">
        <v>1587</v>
      </c>
      <c r="E67" s="16"/>
      <c r="F67" s="16" t="s">
        <v>738</v>
      </c>
    </row>
    <row r="68" spans="1:6" ht="24" x14ac:dyDescent="0.25">
      <c r="A68" s="15" t="s">
        <v>1571</v>
      </c>
      <c r="B68" s="20" t="s">
        <v>1748</v>
      </c>
      <c r="C68" s="16" t="s">
        <v>1586</v>
      </c>
      <c r="D68" s="16" t="s">
        <v>1585</v>
      </c>
      <c r="E68" s="16"/>
      <c r="F68" s="16" t="s">
        <v>738</v>
      </c>
    </row>
    <row r="69" spans="1:6" ht="24" x14ac:dyDescent="0.25">
      <c r="A69" s="15" t="s">
        <v>1571</v>
      </c>
      <c r="B69" s="20" t="s">
        <v>1748</v>
      </c>
      <c r="C69" s="16" t="s">
        <v>276</v>
      </c>
      <c r="D69" s="16" t="s">
        <v>1584</v>
      </c>
      <c r="E69" s="16"/>
      <c r="F69" s="16" t="s">
        <v>738</v>
      </c>
    </row>
    <row r="70" spans="1:6" ht="24" x14ac:dyDescent="0.25">
      <c r="A70" s="15" t="s">
        <v>1571</v>
      </c>
      <c r="B70" s="20" t="s">
        <v>1748</v>
      </c>
      <c r="C70" s="16" t="s">
        <v>1583</v>
      </c>
      <c r="D70" s="16" t="s">
        <v>1582</v>
      </c>
      <c r="E70" s="16"/>
      <c r="F70" s="16" t="s">
        <v>738</v>
      </c>
    </row>
    <row r="71" spans="1:6" ht="24" x14ac:dyDescent="0.25">
      <c r="A71" s="15" t="s">
        <v>1571</v>
      </c>
      <c r="B71" s="20" t="s">
        <v>1748</v>
      </c>
      <c r="C71" s="16" t="s">
        <v>1581</v>
      </c>
      <c r="D71" s="16" t="s">
        <v>1580</v>
      </c>
      <c r="E71" s="16"/>
      <c r="F71" s="16" t="s">
        <v>738</v>
      </c>
    </row>
    <row r="72" spans="1:6" ht="24" x14ac:dyDescent="0.25">
      <c r="A72" s="15" t="s">
        <v>1571</v>
      </c>
      <c r="B72" s="20" t="s">
        <v>1748</v>
      </c>
      <c r="C72" s="16" t="s">
        <v>1579</v>
      </c>
      <c r="D72" s="16" t="s">
        <v>1578</v>
      </c>
      <c r="E72" s="16"/>
      <c r="F72" s="16" t="s">
        <v>738</v>
      </c>
    </row>
    <row r="73" spans="1:6" ht="24" x14ac:dyDescent="0.25">
      <c r="A73" s="15" t="s">
        <v>1571</v>
      </c>
      <c r="B73" s="20" t="s">
        <v>1748</v>
      </c>
      <c r="C73" s="16" t="s">
        <v>1476</v>
      </c>
      <c r="D73" s="16" t="s">
        <v>1577</v>
      </c>
      <c r="E73" s="16"/>
      <c r="F73" s="16" t="s">
        <v>738</v>
      </c>
    </row>
    <row r="74" spans="1:6" ht="24" x14ac:dyDescent="0.25">
      <c r="A74" s="15" t="s">
        <v>1571</v>
      </c>
      <c r="B74" s="20" t="s">
        <v>1748</v>
      </c>
      <c r="C74" s="16" t="s">
        <v>1576</v>
      </c>
      <c r="D74" s="16" t="s">
        <v>1575</v>
      </c>
      <c r="E74" s="16"/>
      <c r="F74" s="16" t="s">
        <v>738</v>
      </c>
    </row>
    <row r="75" spans="1:6" ht="24" x14ac:dyDescent="0.25">
      <c r="A75" s="15" t="s">
        <v>1571</v>
      </c>
      <c r="B75" s="20" t="s">
        <v>1748</v>
      </c>
      <c r="C75" s="16" t="s">
        <v>241</v>
      </c>
      <c r="D75" s="16" t="s">
        <v>1574</v>
      </c>
      <c r="E75" s="16"/>
      <c r="F75" s="16" t="s">
        <v>738</v>
      </c>
    </row>
    <row r="76" spans="1:6" ht="24" x14ac:dyDescent="0.25">
      <c r="A76" s="15" t="s">
        <v>1571</v>
      </c>
      <c r="B76" s="20" t="s">
        <v>1748</v>
      </c>
      <c r="C76" s="16" t="s">
        <v>1573</v>
      </c>
      <c r="D76" s="16" t="s">
        <v>1572</v>
      </c>
      <c r="E76" s="16"/>
      <c r="F76" s="16" t="s">
        <v>738</v>
      </c>
    </row>
    <row r="77" spans="1:6" ht="24.75" thickBot="1" x14ac:dyDescent="0.3">
      <c r="A77" s="22" t="s">
        <v>1571</v>
      </c>
      <c r="B77" s="23" t="s">
        <v>1748</v>
      </c>
      <c r="C77" s="24" t="s">
        <v>1569</v>
      </c>
      <c r="D77" s="24" t="s">
        <v>1568</v>
      </c>
      <c r="E77" s="24"/>
      <c r="F77" s="16" t="s">
        <v>738</v>
      </c>
    </row>
    <row r="78" spans="1:6" ht="25.5" thickTop="1" thickBot="1" x14ac:dyDescent="0.3">
      <c r="A78" s="28" t="s">
        <v>1567</v>
      </c>
      <c r="B78" s="29" t="s">
        <v>1566</v>
      </c>
      <c r="C78" s="30"/>
      <c r="D78" s="30"/>
      <c r="E78" s="30"/>
      <c r="F78" s="16" t="s">
        <v>738</v>
      </c>
    </row>
    <row r="79" spans="1:6" ht="25.5" thickTop="1" thickBot="1" x14ac:dyDescent="0.3">
      <c r="A79" s="28" t="s">
        <v>17</v>
      </c>
      <c r="B79" s="29" t="s">
        <v>1565</v>
      </c>
      <c r="C79" s="30"/>
      <c r="D79" s="30"/>
      <c r="E79" s="30"/>
      <c r="F79" s="16" t="s">
        <v>738</v>
      </c>
    </row>
    <row r="80" spans="1:6" ht="145.5" thickTop="1" thickBot="1" x14ac:dyDescent="0.3">
      <c r="A80" s="28" t="s">
        <v>18</v>
      </c>
      <c r="B80" s="29" t="s">
        <v>1564</v>
      </c>
      <c r="C80" s="30"/>
      <c r="D80" s="30"/>
      <c r="E80" s="30"/>
      <c r="F80" s="16" t="s">
        <v>738</v>
      </c>
    </row>
    <row r="81" spans="1:6" ht="37.5" thickTop="1" thickBot="1" x14ac:dyDescent="0.3">
      <c r="A81" s="28" t="s">
        <v>1563</v>
      </c>
      <c r="B81" s="29" t="s">
        <v>1562</v>
      </c>
      <c r="C81" s="30"/>
      <c r="D81" s="30"/>
      <c r="E81" s="30"/>
      <c r="F81" s="16" t="s">
        <v>738</v>
      </c>
    </row>
    <row r="82" spans="1:6" ht="61.5" thickTop="1" thickBot="1" x14ac:dyDescent="0.3">
      <c r="A82" s="28" t="s">
        <v>19</v>
      </c>
      <c r="B82" s="29" t="s">
        <v>1561</v>
      </c>
      <c r="C82" s="30"/>
      <c r="D82" s="30"/>
      <c r="E82" s="30"/>
      <c r="F82" s="16"/>
    </row>
    <row r="83" spans="1:6" ht="49.5" thickTop="1" thickBot="1" x14ac:dyDescent="0.3">
      <c r="A83" s="28" t="s">
        <v>20</v>
      </c>
      <c r="B83" s="29" t="s">
        <v>1560</v>
      </c>
      <c r="C83" s="30"/>
      <c r="D83" s="30"/>
      <c r="E83" s="30"/>
      <c r="F83" s="16" t="s">
        <v>1558</v>
      </c>
    </row>
    <row r="84" spans="1:6" ht="73.5" thickTop="1" thickBot="1" x14ac:dyDescent="0.3">
      <c r="A84" s="28" t="s">
        <v>21</v>
      </c>
      <c r="B84" s="29" t="s">
        <v>1559</v>
      </c>
      <c r="C84" s="30"/>
      <c r="D84" s="30"/>
      <c r="E84" s="30"/>
      <c r="F84" s="16" t="s">
        <v>1558</v>
      </c>
    </row>
    <row r="85" spans="1:6" ht="109.5" thickTop="1" thickBot="1" x14ac:dyDescent="0.3">
      <c r="A85" s="28" t="s">
        <v>23</v>
      </c>
      <c r="B85" s="29" t="s">
        <v>1557</v>
      </c>
      <c r="C85" s="30"/>
      <c r="D85" s="30"/>
      <c r="E85" s="30"/>
      <c r="F85" s="16" t="s">
        <v>1511</v>
      </c>
    </row>
    <row r="86" spans="1:6" ht="121.5" thickTop="1" thickBot="1" x14ac:dyDescent="0.3">
      <c r="A86" s="28" t="s">
        <v>24</v>
      </c>
      <c r="B86" s="29" t="s">
        <v>1556</v>
      </c>
      <c r="C86" s="30"/>
      <c r="D86" s="30"/>
      <c r="E86" s="30"/>
      <c r="F86" s="16" t="s">
        <v>1511</v>
      </c>
    </row>
    <row r="87" spans="1:6" ht="25.5" thickTop="1" thickBot="1" x14ac:dyDescent="0.3">
      <c r="A87" s="28" t="s">
        <v>1555</v>
      </c>
      <c r="B87" s="29" t="s">
        <v>1554</v>
      </c>
      <c r="C87" s="30"/>
      <c r="D87" s="30"/>
      <c r="E87" s="30"/>
      <c r="F87" s="16" t="s">
        <v>1511</v>
      </c>
    </row>
    <row r="88" spans="1:6" ht="109.5" thickTop="1" thickBot="1" x14ac:dyDescent="0.3">
      <c r="A88" s="28" t="s">
        <v>25</v>
      </c>
      <c r="B88" s="29" t="s">
        <v>1553</v>
      </c>
      <c r="C88" s="30"/>
      <c r="D88" s="30"/>
      <c r="E88" s="30"/>
      <c r="F88" s="16" t="s">
        <v>1511</v>
      </c>
    </row>
    <row r="89" spans="1:6" ht="145.5" thickTop="1" thickBot="1" x14ac:dyDescent="0.3">
      <c r="A89" s="28" t="s">
        <v>1552</v>
      </c>
      <c r="B89" s="29" t="s">
        <v>1551</v>
      </c>
      <c r="C89" s="30"/>
      <c r="D89" s="30"/>
      <c r="E89" s="30"/>
      <c r="F89" s="16" t="s">
        <v>1511</v>
      </c>
    </row>
    <row r="90" spans="1:6" ht="24.75" thickTop="1" x14ac:dyDescent="0.25">
      <c r="A90" s="25" t="s">
        <v>1550</v>
      </c>
      <c r="B90" s="26" t="s">
        <v>1549</v>
      </c>
      <c r="C90" s="27" t="s">
        <v>149</v>
      </c>
      <c r="D90" s="27" t="s">
        <v>1097</v>
      </c>
      <c r="E90" s="27"/>
      <c r="F90" s="16" t="s">
        <v>1511</v>
      </c>
    </row>
    <row r="91" spans="1:6" ht="24" x14ac:dyDescent="0.25">
      <c r="A91" s="15" t="s">
        <v>1550</v>
      </c>
      <c r="B91" s="20" t="s">
        <v>1748</v>
      </c>
      <c r="C91" s="16" t="s">
        <v>215</v>
      </c>
      <c r="D91" s="16" t="s">
        <v>1096</v>
      </c>
      <c r="E91" s="16"/>
      <c r="F91" s="16" t="s">
        <v>1511</v>
      </c>
    </row>
    <row r="92" spans="1:6" ht="24" x14ac:dyDescent="0.25">
      <c r="A92" s="15" t="s">
        <v>1550</v>
      </c>
      <c r="B92" s="20" t="s">
        <v>1748</v>
      </c>
      <c r="C92" s="16" t="s">
        <v>146</v>
      </c>
      <c r="D92" s="16" t="s">
        <v>1095</v>
      </c>
      <c r="E92" s="16"/>
      <c r="F92" s="16" t="s">
        <v>1511</v>
      </c>
    </row>
    <row r="93" spans="1:6" ht="24.75" thickBot="1" x14ac:dyDescent="0.3">
      <c r="A93" s="22" t="s">
        <v>1550</v>
      </c>
      <c r="B93" s="23" t="s">
        <v>1748</v>
      </c>
      <c r="C93" s="24" t="s">
        <v>154</v>
      </c>
      <c r="D93" s="24" t="s">
        <v>1093</v>
      </c>
      <c r="E93" s="24"/>
      <c r="F93" s="16" t="s">
        <v>1511</v>
      </c>
    </row>
    <row r="94" spans="1:6" ht="24.75" thickTop="1" x14ac:dyDescent="0.25">
      <c r="A94" s="25" t="s">
        <v>1542</v>
      </c>
      <c r="B94" s="26" t="s">
        <v>1541</v>
      </c>
      <c r="C94" s="27" t="s">
        <v>1548</v>
      </c>
      <c r="D94" s="27" t="s">
        <v>1547</v>
      </c>
      <c r="E94" s="27" t="s">
        <v>1546</v>
      </c>
      <c r="F94" s="16" t="s">
        <v>1511</v>
      </c>
    </row>
    <row r="95" spans="1:6" ht="24" x14ac:dyDescent="0.25">
      <c r="A95" s="15" t="s">
        <v>1542</v>
      </c>
      <c r="B95" s="20" t="s">
        <v>1748</v>
      </c>
      <c r="C95" s="16" t="s">
        <v>1545</v>
      </c>
      <c r="D95" s="16" t="s">
        <v>1544</v>
      </c>
      <c r="E95" s="16" t="s">
        <v>1543</v>
      </c>
      <c r="F95" s="16" t="s">
        <v>1511</v>
      </c>
    </row>
    <row r="96" spans="1:6" ht="12.75" thickBot="1" x14ac:dyDescent="0.3">
      <c r="A96" s="22" t="s">
        <v>1542</v>
      </c>
      <c r="B96" s="23" t="s">
        <v>1748</v>
      </c>
      <c r="C96" s="24" t="s">
        <v>1540</v>
      </c>
      <c r="D96" s="24" t="s">
        <v>1539</v>
      </c>
      <c r="E96" s="24" t="s">
        <v>1538</v>
      </c>
      <c r="F96" s="16" t="s">
        <v>1511</v>
      </c>
    </row>
    <row r="97" spans="1:6" ht="25.5" thickTop="1" thickBot="1" x14ac:dyDescent="0.3">
      <c r="A97" s="28" t="s">
        <v>1537</v>
      </c>
      <c r="B97" s="29" t="s">
        <v>1536</v>
      </c>
      <c r="C97" s="30"/>
      <c r="D97" s="30"/>
      <c r="E97" s="30"/>
      <c r="F97" s="16" t="s">
        <v>1511</v>
      </c>
    </row>
    <row r="98" spans="1:6" ht="37.5" thickTop="1" thickBot="1" x14ac:dyDescent="0.3">
      <c r="A98" s="28" t="s">
        <v>1535</v>
      </c>
      <c r="B98" s="29" t="s">
        <v>1534</v>
      </c>
      <c r="C98" s="30"/>
      <c r="D98" s="30"/>
      <c r="E98" s="30"/>
      <c r="F98" s="16" t="s">
        <v>1511</v>
      </c>
    </row>
    <row r="99" spans="1:6" ht="61.5" thickTop="1" thickBot="1" x14ac:dyDescent="0.3">
      <c r="A99" s="28" t="s">
        <v>1533</v>
      </c>
      <c r="B99" s="29" t="s">
        <v>1532</v>
      </c>
      <c r="C99" s="30"/>
      <c r="D99" s="30"/>
      <c r="E99" s="30"/>
      <c r="F99" s="16" t="s">
        <v>1511</v>
      </c>
    </row>
    <row r="100" spans="1:6" ht="25.5" thickTop="1" thickBot="1" x14ac:dyDescent="0.3">
      <c r="A100" s="28" t="s">
        <v>1531</v>
      </c>
      <c r="B100" s="29" t="s">
        <v>1530</v>
      </c>
      <c r="C100" s="30"/>
      <c r="D100" s="30"/>
      <c r="E100" s="30"/>
      <c r="F100" s="16" t="s">
        <v>1511</v>
      </c>
    </row>
    <row r="101" spans="1:6" ht="37.5" thickTop="1" thickBot="1" x14ac:dyDescent="0.3">
      <c r="A101" s="28" t="s">
        <v>1529</v>
      </c>
      <c r="B101" s="29" t="s">
        <v>1528</v>
      </c>
      <c r="C101" s="30"/>
      <c r="D101" s="30"/>
      <c r="E101" s="30"/>
      <c r="F101" s="16" t="s">
        <v>1511</v>
      </c>
    </row>
    <row r="102" spans="1:6" ht="37.5" thickTop="1" thickBot="1" x14ac:dyDescent="0.3">
      <c r="A102" s="28" t="s">
        <v>1527</v>
      </c>
      <c r="B102" s="29" t="s">
        <v>1526</v>
      </c>
      <c r="C102" s="30"/>
      <c r="D102" s="30"/>
      <c r="E102" s="30"/>
      <c r="F102" s="16" t="s">
        <v>1511</v>
      </c>
    </row>
    <row r="103" spans="1:6" ht="25.5" thickTop="1" thickBot="1" x14ac:dyDescent="0.3">
      <c r="A103" s="28" t="s">
        <v>1525</v>
      </c>
      <c r="B103" s="29" t="s">
        <v>1524</v>
      </c>
      <c r="C103" s="30"/>
      <c r="D103" s="30"/>
      <c r="E103" s="30"/>
      <c r="F103" s="16" t="s">
        <v>1511</v>
      </c>
    </row>
    <row r="104" spans="1:6" ht="25.5" thickTop="1" thickBot="1" x14ac:dyDescent="0.3">
      <c r="A104" s="28" t="s">
        <v>1523</v>
      </c>
      <c r="B104" s="29" t="s">
        <v>1522</v>
      </c>
      <c r="C104" s="30"/>
      <c r="D104" s="30"/>
      <c r="E104" s="30"/>
      <c r="F104" s="16" t="s">
        <v>1511</v>
      </c>
    </row>
    <row r="105" spans="1:6" ht="25.5" thickTop="1" thickBot="1" x14ac:dyDescent="0.3">
      <c r="A105" s="28" t="s">
        <v>1521</v>
      </c>
      <c r="B105" s="29" t="s">
        <v>1520</v>
      </c>
      <c r="C105" s="30"/>
      <c r="D105" s="30"/>
      <c r="E105" s="30"/>
      <c r="F105" s="16" t="s">
        <v>1511</v>
      </c>
    </row>
    <row r="106" spans="1:6" ht="37.5" thickTop="1" thickBot="1" x14ac:dyDescent="0.3">
      <c r="A106" s="28" t="s">
        <v>1519</v>
      </c>
      <c r="B106" s="29" t="s">
        <v>1518</v>
      </c>
      <c r="C106" s="30"/>
      <c r="D106" s="30"/>
      <c r="E106" s="30"/>
      <c r="F106" s="16" t="s">
        <v>1511</v>
      </c>
    </row>
    <row r="107" spans="1:6" ht="25.5" thickTop="1" thickBot="1" x14ac:dyDescent="0.3">
      <c r="A107" s="28" t="s">
        <v>1517</v>
      </c>
      <c r="B107" s="29" t="s">
        <v>1516</v>
      </c>
      <c r="C107" s="30"/>
      <c r="D107" s="30"/>
      <c r="E107" s="30"/>
      <c r="F107" s="16" t="s">
        <v>1511</v>
      </c>
    </row>
    <row r="108" spans="1:6" ht="157.5" thickTop="1" thickBot="1" x14ac:dyDescent="0.3">
      <c r="A108" s="28" t="s">
        <v>1515</v>
      </c>
      <c r="B108" s="29" t="s">
        <v>1514</v>
      </c>
      <c r="C108" s="30"/>
      <c r="D108" s="30"/>
      <c r="E108" s="30"/>
      <c r="F108" s="16" t="s">
        <v>1511</v>
      </c>
    </row>
    <row r="109" spans="1:6" ht="37.5" thickTop="1" thickBot="1" x14ac:dyDescent="0.3">
      <c r="A109" s="28" t="s">
        <v>1513</v>
      </c>
      <c r="B109" s="29" t="s">
        <v>1512</v>
      </c>
      <c r="C109" s="30"/>
      <c r="D109" s="30"/>
      <c r="E109" s="30"/>
      <c r="F109" s="16" t="s">
        <v>1511</v>
      </c>
    </row>
    <row r="110" spans="1:6" ht="61.5" thickTop="1" thickBot="1" x14ac:dyDescent="0.3">
      <c r="A110" s="28" t="s">
        <v>26</v>
      </c>
      <c r="B110" s="29" t="s">
        <v>1510</v>
      </c>
      <c r="C110" s="30"/>
      <c r="D110" s="30"/>
      <c r="E110" s="30"/>
      <c r="F110" s="16"/>
    </row>
    <row r="111" spans="1:6" ht="60.75" thickTop="1" x14ac:dyDescent="0.25">
      <c r="A111" s="25" t="s">
        <v>1506</v>
      </c>
      <c r="B111" s="26" t="s">
        <v>1505</v>
      </c>
      <c r="C111" s="27" t="s">
        <v>1509</v>
      </c>
      <c r="D111" s="27" t="s">
        <v>1508</v>
      </c>
      <c r="E111" s="27" t="s">
        <v>1507</v>
      </c>
      <c r="F111" s="16" t="s">
        <v>1323</v>
      </c>
    </row>
    <row r="112" spans="1:6" ht="36.75" thickBot="1" x14ac:dyDescent="0.3">
      <c r="A112" s="22" t="s">
        <v>1506</v>
      </c>
      <c r="B112" s="23" t="s">
        <v>1748</v>
      </c>
      <c r="C112" s="24" t="s">
        <v>1504</v>
      </c>
      <c r="D112" s="24" t="s">
        <v>1503</v>
      </c>
      <c r="E112" s="24" t="s">
        <v>1502</v>
      </c>
      <c r="F112" s="16" t="s">
        <v>1323</v>
      </c>
    </row>
    <row r="113" spans="1:6" ht="121.5" thickTop="1" thickBot="1" x14ac:dyDescent="0.3">
      <c r="A113" s="28" t="s">
        <v>1501</v>
      </c>
      <c r="B113" s="29" t="s">
        <v>1500</v>
      </c>
      <c r="C113" s="30"/>
      <c r="D113" s="30"/>
      <c r="E113" s="30"/>
      <c r="F113" s="16" t="s">
        <v>1323</v>
      </c>
    </row>
    <row r="114" spans="1:6" ht="85.5" thickTop="1" thickBot="1" x14ac:dyDescent="0.3">
      <c r="A114" s="28" t="s">
        <v>1499</v>
      </c>
      <c r="B114" s="29" t="s">
        <v>1498</v>
      </c>
      <c r="C114" s="30"/>
      <c r="D114" s="30"/>
      <c r="E114" s="30"/>
      <c r="F114" s="16" t="s">
        <v>1323</v>
      </c>
    </row>
    <row r="115" spans="1:6" ht="25.5" thickTop="1" thickBot="1" x14ac:dyDescent="0.3">
      <c r="A115" s="28" t="s">
        <v>1497</v>
      </c>
      <c r="B115" s="29" t="s">
        <v>1496</v>
      </c>
      <c r="C115" s="30"/>
      <c r="D115" s="30"/>
      <c r="E115" s="30"/>
      <c r="F115" s="16" t="s">
        <v>1323</v>
      </c>
    </row>
    <row r="116" spans="1:6" ht="84.75" thickTop="1" x14ac:dyDescent="0.25">
      <c r="A116" s="25" t="s">
        <v>1495</v>
      </c>
      <c r="B116" s="26" t="s">
        <v>1494</v>
      </c>
      <c r="C116" s="27">
        <v>0</v>
      </c>
      <c r="D116" s="27" t="s">
        <v>180</v>
      </c>
      <c r="E116" s="27" t="s">
        <v>179</v>
      </c>
      <c r="F116" s="16" t="s">
        <v>1323</v>
      </c>
    </row>
    <row r="117" spans="1:6" ht="24" x14ac:dyDescent="0.25">
      <c r="A117" s="15" t="s">
        <v>1495</v>
      </c>
      <c r="B117" s="20" t="s">
        <v>1748</v>
      </c>
      <c r="C117" s="16">
        <v>1</v>
      </c>
      <c r="D117" s="16" t="s">
        <v>178</v>
      </c>
      <c r="E117" s="16" t="s">
        <v>177</v>
      </c>
      <c r="F117" s="16" t="s">
        <v>1323</v>
      </c>
    </row>
    <row r="118" spans="1:6" ht="24" x14ac:dyDescent="0.25">
      <c r="A118" s="15" t="s">
        <v>1495</v>
      </c>
      <c r="B118" s="20" t="s">
        <v>1748</v>
      </c>
      <c r="C118" s="16">
        <v>2</v>
      </c>
      <c r="D118" s="16" t="s">
        <v>176</v>
      </c>
      <c r="E118" s="16" t="s">
        <v>175</v>
      </c>
      <c r="F118" s="16" t="s">
        <v>1323</v>
      </c>
    </row>
    <row r="119" spans="1:6" ht="24" x14ac:dyDescent="0.25">
      <c r="A119" s="15" t="s">
        <v>1495</v>
      </c>
      <c r="B119" s="20" t="s">
        <v>1748</v>
      </c>
      <c r="C119" s="16">
        <v>3</v>
      </c>
      <c r="D119" s="16" t="s">
        <v>174</v>
      </c>
      <c r="E119" s="16" t="s">
        <v>173</v>
      </c>
      <c r="F119" s="16" t="s">
        <v>1323</v>
      </c>
    </row>
    <row r="120" spans="1:6" ht="24" x14ac:dyDescent="0.25">
      <c r="A120" s="15" t="s">
        <v>1495</v>
      </c>
      <c r="B120" s="20" t="s">
        <v>1748</v>
      </c>
      <c r="C120" s="16">
        <v>4</v>
      </c>
      <c r="D120" s="16" t="s">
        <v>172</v>
      </c>
      <c r="E120" s="16" t="s">
        <v>171</v>
      </c>
      <c r="F120" s="16" t="s">
        <v>1323</v>
      </c>
    </row>
    <row r="121" spans="1:6" ht="24" x14ac:dyDescent="0.25">
      <c r="A121" s="15" t="s">
        <v>1495</v>
      </c>
      <c r="B121" s="20" t="s">
        <v>1748</v>
      </c>
      <c r="C121" s="16">
        <v>5</v>
      </c>
      <c r="D121" s="16" t="s">
        <v>170</v>
      </c>
      <c r="E121" s="16" t="s">
        <v>169</v>
      </c>
      <c r="F121" s="16" t="s">
        <v>1323</v>
      </c>
    </row>
    <row r="122" spans="1:6" ht="24.75" thickBot="1" x14ac:dyDescent="0.3">
      <c r="A122" s="22" t="s">
        <v>1495</v>
      </c>
      <c r="B122" s="23" t="s">
        <v>1748</v>
      </c>
      <c r="C122" s="24">
        <v>6</v>
      </c>
      <c r="D122" s="24" t="s">
        <v>166</v>
      </c>
      <c r="E122" s="24" t="s">
        <v>165</v>
      </c>
      <c r="F122" s="16" t="s">
        <v>1323</v>
      </c>
    </row>
    <row r="123" spans="1:6" ht="24.75" thickTop="1" x14ac:dyDescent="0.25">
      <c r="A123" s="25" t="s">
        <v>1493</v>
      </c>
      <c r="B123" s="26" t="s">
        <v>1492</v>
      </c>
      <c r="C123" s="27" t="s">
        <v>154</v>
      </c>
      <c r="D123" s="27" t="s">
        <v>1278</v>
      </c>
      <c r="E123" s="27"/>
      <c r="F123" s="16" t="s">
        <v>1323</v>
      </c>
    </row>
    <row r="124" spans="1:6" ht="24" x14ac:dyDescent="0.25">
      <c r="A124" s="15" t="s">
        <v>1493</v>
      </c>
      <c r="B124" s="20" t="s">
        <v>1748</v>
      </c>
      <c r="C124" s="16" t="s">
        <v>1277</v>
      </c>
      <c r="D124" s="16" t="s">
        <v>1276</v>
      </c>
      <c r="E124" s="16"/>
      <c r="F124" s="16" t="s">
        <v>1323</v>
      </c>
    </row>
    <row r="125" spans="1:6" ht="24" x14ac:dyDescent="0.25">
      <c r="A125" s="15" t="s">
        <v>1493</v>
      </c>
      <c r="B125" s="20" t="s">
        <v>1748</v>
      </c>
      <c r="C125" s="16" t="s">
        <v>751</v>
      </c>
      <c r="D125" s="16" t="s">
        <v>1275</v>
      </c>
      <c r="E125" s="16"/>
      <c r="F125" s="16" t="s">
        <v>1323</v>
      </c>
    </row>
    <row r="126" spans="1:6" ht="24" x14ac:dyDescent="0.25">
      <c r="A126" s="15" t="s">
        <v>1493</v>
      </c>
      <c r="B126" s="20" t="s">
        <v>1748</v>
      </c>
      <c r="C126" s="16" t="s">
        <v>1274</v>
      </c>
      <c r="D126" s="16" t="s">
        <v>1273</v>
      </c>
      <c r="E126" s="16"/>
      <c r="F126" s="16" t="s">
        <v>1323</v>
      </c>
    </row>
    <row r="127" spans="1:6" ht="24" x14ac:dyDescent="0.25">
      <c r="A127" s="15" t="s">
        <v>1493</v>
      </c>
      <c r="B127" s="20" t="s">
        <v>1748</v>
      </c>
      <c r="C127" s="16" t="s">
        <v>468</v>
      </c>
      <c r="D127" s="16" t="s">
        <v>1272</v>
      </c>
      <c r="E127" s="16"/>
      <c r="F127" s="16" t="s">
        <v>1323</v>
      </c>
    </row>
    <row r="128" spans="1:6" ht="24" x14ac:dyDescent="0.25">
      <c r="A128" s="15" t="s">
        <v>1493</v>
      </c>
      <c r="B128" s="20" t="s">
        <v>1748</v>
      </c>
      <c r="C128" s="16" t="s">
        <v>1271</v>
      </c>
      <c r="D128" s="16" t="s">
        <v>1270</v>
      </c>
      <c r="E128" s="16"/>
      <c r="F128" s="16" t="s">
        <v>1323</v>
      </c>
    </row>
    <row r="129" spans="1:6" ht="24" x14ac:dyDescent="0.25">
      <c r="A129" s="15" t="s">
        <v>1493</v>
      </c>
      <c r="B129" s="20" t="s">
        <v>1748</v>
      </c>
      <c r="C129" s="16" t="s">
        <v>1269</v>
      </c>
      <c r="D129" s="16" t="s">
        <v>1268</v>
      </c>
      <c r="E129" s="16"/>
      <c r="F129" s="16" t="s">
        <v>1323</v>
      </c>
    </row>
    <row r="130" spans="1:6" ht="24" x14ac:dyDescent="0.25">
      <c r="A130" s="15" t="s">
        <v>1493</v>
      </c>
      <c r="B130" s="20" t="s">
        <v>1748</v>
      </c>
      <c r="C130" s="16" t="s">
        <v>1267</v>
      </c>
      <c r="D130" s="16" t="s">
        <v>1266</v>
      </c>
      <c r="E130" s="16"/>
      <c r="F130" s="16" t="s">
        <v>1323</v>
      </c>
    </row>
    <row r="131" spans="1:6" ht="24" x14ac:dyDescent="0.25">
      <c r="A131" s="15" t="s">
        <v>1493</v>
      </c>
      <c r="B131" s="20" t="s">
        <v>1748</v>
      </c>
      <c r="C131" s="16" t="s">
        <v>137</v>
      </c>
      <c r="D131" s="16" t="s">
        <v>1265</v>
      </c>
      <c r="E131" s="16"/>
      <c r="F131" s="16" t="s">
        <v>1323</v>
      </c>
    </row>
    <row r="132" spans="1:6" ht="24" x14ac:dyDescent="0.25">
      <c r="A132" s="15" t="s">
        <v>1493</v>
      </c>
      <c r="B132" s="20" t="s">
        <v>1748</v>
      </c>
      <c r="C132" s="16" t="s">
        <v>1264</v>
      </c>
      <c r="D132" s="16" t="s">
        <v>1263</v>
      </c>
      <c r="E132" s="16"/>
      <c r="F132" s="16" t="s">
        <v>1323</v>
      </c>
    </row>
    <row r="133" spans="1:6" ht="24" x14ac:dyDescent="0.25">
      <c r="A133" s="15" t="s">
        <v>1493</v>
      </c>
      <c r="B133" s="20" t="s">
        <v>1748</v>
      </c>
      <c r="C133" s="16" t="s">
        <v>1262</v>
      </c>
      <c r="D133" s="16" t="s">
        <v>1261</v>
      </c>
      <c r="E133" s="16"/>
      <c r="F133" s="16" t="s">
        <v>1323</v>
      </c>
    </row>
    <row r="134" spans="1:6" ht="24" x14ac:dyDescent="0.25">
      <c r="A134" s="15" t="s">
        <v>1493</v>
      </c>
      <c r="B134" s="20" t="s">
        <v>1748</v>
      </c>
      <c r="C134" s="16" t="s">
        <v>1260</v>
      </c>
      <c r="D134" s="16" t="s">
        <v>1259</v>
      </c>
      <c r="E134" s="16"/>
      <c r="F134" s="16" t="s">
        <v>1323</v>
      </c>
    </row>
    <row r="135" spans="1:6" ht="24" x14ac:dyDescent="0.25">
      <c r="A135" s="15" t="s">
        <v>1493</v>
      </c>
      <c r="B135" s="20" t="s">
        <v>1748</v>
      </c>
      <c r="C135" s="16" t="s">
        <v>197</v>
      </c>
      <c r="D135" s="16" t="s">
        <v>1258</v>
      </c>
      <c r="E135" s="16"/>
      <c r="F135" s="16" t="s">
        <v>1323</v>
      </c>
    </row>
    <row r="136" spans="1:6" ht="24" x14ac:dyDescent="0.25">
      <c r="A136" s="15" t="s">
        <v>1493</v>
      </c>
      <c r="B136" s="20" t="s">
        <v>1748</v>
      </c>
      <c r="C136" s="16" t="s">
        <v>1257</v>
      </c>
      <c r="D136" s="16" t="s">
        <v>1256</v>
      </c>
      <c r="E136" s="16"/>
      <c r="F136" s="16" t="s">
        <v>1323</v>
      </c>
    </row>
    <row r="137" spans="1:6" ht="24" x14ac:dyDescent="0.25">
      <c r="A137" s="15" t="s">
        <v>1493</v>
      </c>
      <c r="B137" s="20" t="s">
        <v>1748</v>
      </c>
      <c r="C137" s="16" t="s">
        <v>1255</v>
      </c>
      <c r="D137" s="16" t="s">
        <v>1254</v>
      </c>
      <c r="E137" s="16"/>
      <c r="F137" s="16" t="s">
        <v>1323</v>
      </c>
    </row>
    <row r="138" spans="1:6" ht="24.75" thickBot="1" x14ac:dyDescent="0.3">
      <c r="A138" s="22" t="s">
        <v>1493</v>
      </c>
      <c r="B138" s="23" t="s">
        <v>1748</v>
      </c>
      <c r="C138" s="24" t="s">
        <v>1252</v>
      </c>
      <c r="D138" s="24" t="s">
        <v>1251</v>
      </c>
      <c r="E138" s="24"/>
      <c r="F138" s="16" t="s">
        <v>1323</v>
      </c>
    </row>
    <row r="139" spans="1:6" ht="24.75" thickTop="1" x14ac:dyDescent="0.25">
      <c r="A139" s="25" t="s">
        <v>1491</v>
      </c>
      <c r="B139" s="26" t="s">
        <v>1490</v>
      </c>
      <c r="C139" s="27">
        <v>0</v>
      </c>
      <c r="D139" s="27" t="s">
        <v>180</v>
      </c>
      <c r="E139" s="27" t="s">
        <v>179</v>
      </c>
      <c r="F139" s="16" t="s">
        <v>1323</v>
      </c>
    </row>
    <row r="140" spans="1:6" ht="24" x14ac:dyDescent="0.25">
      <c r="A140" s="15" t="s">
        <v>1491</v>
      </c>
      <c r="B140" s="20" t="s">
        <v>1748</v>
      </c>
      <c r="C140" s="16">
        <v>1</v>
      </c>
      <c r="D140" s="16" t="s">
        <v>178</v>
      </c>
      <c r="E140" s="16" t="s">
        <v>177</v>
      </c>
      <c r="F140" s="16" t="s">
        <v>1323</v>
      </c>
    </row>
    <row r="141" spans="1:6" ht="24" x14ac:dyDescent="0.25">
      <c r="A141" s="15" t="s">
        <v>1491</v>
      </c>
      <c r="B141" s="20" t="s">
        <v>1748</v>
      </c>
      <c r="C141" s="16">
        <v>2</v>
      </c>
      <c r="D141" s="16" t="s">
        <v>176</v>
      </c>
      <c r="E141" s="16" t="s">
        <v>175</v>
      </c>
      <c r="F141" s="16" t="s">
        <v>1323</v>
      </c>
    </row>
    <row r="142" spans="1:6" ht="24" x14ac:dyDescent="0.25">
      <c r="A142" s="15" t="s">
        <v>1491</v>
      </c>
      <c r="B142" s="20" t="s">
        <v>1748</v>
      </c>
      <c r="C142" s="16">
        <v>3</v>
      </c>
      <c r="D142" s="16" t="s">
        <v>174</v>
      </c>
      <c r="E142" s="16" t="s">
        <v>173</v>
      </c>
      <c r="F142" s="16" t="s">
        <v>1323</v>
      </c>
    </row>
    <row r="143" spans="1:6" ht="24" x14ac:dyDescent="0.25">
      <c r="A143" s="15" t="s">
        <v>1491</v>
      </c>
      <c r="B143" s="20" t="s">
        <v>1748</v>
      </c>
      <c r="C143" s="16">
        <v>4</v>
      </c>
      <c r="D143" s="16" t="s">
        <v>172</v>
      </c>
      <c r="E143" s="16" t="s">
        <v>171</v>
      </c>
      <c r="F143" s="16" t="s">
        <v>1323</v>
      </c>
    </row>
    <row r="144" spans="1:6" ht="24" x14ac:dyDescent="0.25">
      <c r="A144" s="15" t="s">
        <v>1491</v>
      </c>
      <c r="B144" s="20" t="s">
        <v>1748</v>
      </c>
      <c r="C144" s="16">
        <v>5</v>
      </c>
      <c r="D144" s="16" t="s">
        <v>170</v>
      </c>
      <c r="E144" s="16" t="s">
        <v>169</v>
      </c>
      <c r="F144" s="16" t="s">
        <v>1323</v>
      </c>
    </row>
    <row r="145" spans="1:6" ht="24.75" thickBot="1" x14ac:dyDescent="0.3">
      <c r="A145" s="22" t="s">
        <v>1491</v>
      </c>
      <c r="B145" s="23" t="s">
        <v>1748</v>
      </c>
      <c r="C145" s="24">
        <v>6</v>
      </c>
      <c r="D145" s="24" t="s">
        <v>166</v>
      </c>
      <c r="E145" s="24" t="s">
        <v>165</v>
      </c>
      <c r="F145" s="16" t="s">
        <v>1323</v>
      </c>
    </row>
    <row r="146" spans="1:6" ht="84.75" thickTop="1" x14ac:dyDescent="0.25">
      <c r="A146" s="25" t="s">
        <v>1489</v>
      </c>
      <c r="B146" s="26" t="s">
        <v>1488</v>
      </c>
      <c r="C146" s="27" t="s">
        <v>154</v>
      </c>
      <c r="D146" s="27" t="s">
        <v>153</v>
      </c>
      <c r="E146" s="27"/>
      <c r="F146" s="16" t="s">
        <v>1323</v>
      </c>
    </row>
    <row r="147" spans="1:6" ht="24" x14ac:dyDescent="0.25">
      <c r="A147" s="15" t="s">
        <v>1489</v>
      </c>
      <c r="B147" s="20" t="s">
        <v>1748</v>
      </c>
      <c r="C147" s="16" t="s">
        <v>152</v>
      </c>
      <c r="D147" s="16" t="s">
        <v>151</v>
      </c>
      <c r="E147" s="16" t="s">
        <v>150</v>
      </c>
      <c r="F147" s="16" t="s">
        <v>1323</v>
      </c>
    </row>
    <row r="148" spans="1:6" ht="24" x14ac:dyDescent="0.25">
      <c r="A148" s="15" t="s">
        <v>1489</v>
      </c>
      <c r="B148" s="20" t="s">
        <v>1748</v>
      </c>
      <c r="C148" s="16" t="s">
        <v>149</v>
      </c>
      <c r="D148" s="16" t="s">
        <v>148</v>
      </c>
      <c r="E148" s="16" t="s">
        <v>147</v>
      </c>
      <c r="F148" s="16" t="s">
        <v>1323</v>
      </c>
    </row>
    <row r="149" spans="1:6" ht="24" x14ac:dyDescent="0.25">
      <c r="A149" s="15" t="s">
        <v>1489</v>
      </c>
      <c r="B149" s="20" t="s">
        <v>1748</v>
      </c>
      <c r="C149" s="16" t="s">
        <v>146</v>
      </c>
      <c r="D149" s="16" t="s">
        <v>145</v>
      </c>
      <c r="E149" s="16" t="s">
        <v>144</v>
      </c>
      <c r="F149" s="16" t="s">
        <v>1323</v>
      </c>
    </row>
    <row r="150" spans="1:6" ht="24" x14ac:dyDescent="0.25">
      <c r="A150" s="15" t="s">
        <v>1489</v>
      </c>
      <c r="B150" s="20" t="s">
        <v>1748</v>
      </c>
      <c r="C150" s="16" t="s">
        <v>143</v>
      </c>
      <c r="D150" s="16" t="s">
        <v>142</v>
      </c>
      <c r="E150" s="16" t="s">
        <v>141</v>
      </c>
      <c r="F150" s="16" t="s">
        <v>1323</v>
      </c>
    </row>
    <row r="151" spans="1:6" ht="24" x14ac:dyDescent="0.25">
      <c r="A151" s="15" t="s">
        <v>1489</v>
      </c>
      <c r="B151" s="20" t="s">
        <v>1748</v>
      </c>
      <c r="C151" s="16" t="s">
        <v>140</v>
      </c>
      <c r="D151" s="16" t="s">
        <v>139</v>
      </c>
      <c r="E151" s="16" t="s">
        <v>138</v>
      </c>
      <c r="F151" s="16" t="s">
        <v>1323</v>
      </c>
    </row>
    <row r="152" spans="1:6" ht="24" x14ac:dyDescent="0.25">
      <c r="A152" s="15" t="s">
        <v>1489</v>
      </c>
      <c r="B152" s="20" t="s">
        <v>1748</v>
      </c>
      <c r="C152" s="16" t="s">
        <v>137</v>
      </c>
      <c r="D152" s="16" t="s">
        <v>136</v>
      </c>
      <c r="E152" s="16"/>
      <c r="F152" s="16" t="s">
        <v>1323</v>
      </c>
    </row>
    <row r="153" spans="1:6" ht="24" x14ac:dyDescent="0.25">
      <c r="A153" s="15" t="s">
        <v>1489</v>
      </c>
      <c r="B153" s="20" t="s">
        <v>1748</v>
      </c>
      <c r="C153" s="16" t="s">
        <v>135</v>
      </c>
      <c r="D153" s="16" t="s">
        <v>134</v>
      </c>
      <c r="E153" s="16"/>
      <c r="F153" s="16" t="s">
        <v>1323</v>
      </c>
    </row>
    <row r="154" spans="1:6" ht="24.75" thickBot="1" x14ac:dyDescent="0.3">
      <c r="A154" s="22" t="s">
        <v>1489</v>
      </c>
      <c r="B154" s="23" t="s">
        <v>1748</v>
      </c>
      <c r="C154" s="24" t="s">
        <v>131</v>
      </c>
      <c r="D154" s="24" t="s">
        <v>130</v>
      </c>
      <c r="E154" s="24"/>
      <c r="F154" s="16" t="s">
        <v>1323</v>
      </c>
    </row>
    <row r="155" spans="1:6" ht="25.5" thickTop="1" thickBot="1" x14ac:dyDescent="0.3">
      <c r="A155" s="28" t="s">
        <v>1487</v>
      </c>
      <c r="B155" s="29" t="s">
        <v>1486</v>
      </c>
      <c r="C155" s="30"/>
      <c r="D155" s="30"/>
      <c r="E155" s="30"/>
      <c r="F155" s="16" t="s">
        <v>1323</v>
      </c>
    </row>
    <row r="156" spans="1:6" ht="25.5" thickTop="1" thickBot="1" x14ac:dyDescent="0.3">
      <c r="A156" s="28" t="s">
        <v>1485</v>
      </c>
      <c r="B156" s="29" t="s">
        <v>1484</v>
      </c>
      <c r="C156" s="30"/>
      <c r="D156" s="30"/>
      <c r="E156" s="30"/>
      <c r="F156" s="16" t="s">
        <v>1323</v>
      </c>
    </row>
    <row r="157" spans="1:6" ht="24.75" thickTop="1" x14ac:dyDescent="0.25">
      <c r="A157" s="25" t="s">
        <v>1483</v>
      </c>
      <c r="B157" s="26" t="s">
        <v>1482</v>
      </c>
      <c r="C157" s="27" t="s">
        <v>154</v>
      </c>
      <c r="D157" s="27" t="s">
        <v>153</v>
      </c>
      <c r="E157" s="27"/>
      <c r="F157" s="16" t="s">
        <v>1323</v>
      </c>
    </row>
    <row r="158" spans="1:6" ht="24" x14ac:dyDescent="0.25">
      <c r="A158" s="15" t="s">
        <v>1483</v>
      </c>
      <c r="B158" s="20" t="s">
        <v>1748</v>
      </c>
      <c r="C158" s="16" t="s">
        <v>152</v>
      </c>
      <c r="D158" s="16" t="s">
        <v>151</v>
      </c>
      <c r="E158" s="16" t="s">
        <v>150</v>
      </c>
      <c r="F158" s="16" t="s">
        <v>1323</v>
      </c>
    </row>
    <row r="159" spans="1:6" ht="24" x14ac:dyDescent="0.25">
      <c r="A159" s="15" t="s">
        <v>1483</v>
      </c>
      <c r="B159" s="20" t="s">
        <v>1748</v>
      </c>
      <c r="C159" s="16" t="s">
        <v>149</v>
      </c>
      <c r="D159" s="16" t="s">
        <v>148</v>
      </c>
      <c r="E159" s="16" t="s">
        <v>147</v>
      </c>
      <c r="F159" s="16" t="s">
        <v>1323</v>
      </c>
    </row>
    <row r="160" spans="1:6" ht="24" x14ac:dyDescent="0.25">
      <c r="A160" s="15" t="s">
        <v>1483</v>
      </c>
      <c r="B160" s="20" t="s">
        <v>1748</v>
      </c>
      <c r="C160" s="16" t="s">
        <v>146</v>
      </c>
      <c r="D160" s="16" t="s">
        <v>145</v>
      </c>
      <c r="E160" s="16" t="s">
        <v>144</v>
      </c>
      <c r="F160" s="16" t="s">
        <v>1323</v>
      </c>
    </row>
    <row r="161" spans="1:6" ht="24" x14ac:dyDescent="0.25">
      <c r="A161" s="15" t="s">
        <v>1483</v>
      </c>
      <c r="B161" s="20" t="s">
        <v>1748</v>
      </c>
      <c r="C161" s="16" t="s">
        <v>143</v>
      </c>
      <c r="D161" s="16" t="s">
        <v>142</v>
      </c>
      <c r="E161" s="16" t="s">
        <v>141</v>
      </c>
      <c r="F161" s="16" t="s">
        <v>1323</v>
      </c>
    </row>
    <row r="162" spans="1:6" ht="24" x14ac:dyDescent="0.25">
      <c r="A162" s="15" t="s">
        <v>1483</v>
      </c>
      <c r="B162" s="20" t="s">
        <v>1748</v>
      </c>
      <c r="C162" s="16" t="s">
        <v>140</v>
      </c>
      <c r="D162" s="16" t="s">
        <v>139</v>
      </c>
      <c r="E162" s="16" t="s">
        <v>138</v>
      </c>
      <c r="F162" s="16" t="s">
        <v>1323</v>
      </c>
    </row>
    <row r="163" spans="1:6" ht="24" x14ac:dyDescent="0.25">
      <c r="A163" s="15" t="s">
        <v>1483</v>
      </c>
      <c r="B163" s="20" t="s">
        <v>1748</v>
      </c>
      <c r="C163" s="16" t="s">
        <v>137</v>
      </c>
      <c r="D163" s="16" t="s">
        <v>136</v>
      </c>
      <c r="E163" s="16"/>
      <c r="F163" s="16" t="s">
        <v>1323</v>
      </c>
    </row>
    <row r="164" spans="1:6" ht="24" x14ac:dyDescent="0.25">
      <c r="A164" s="15" t="s">
        <v>1483</v>
      </c>
      <c r="B164" s="20" t="s">
        <v>1748</v>
      </c>
      <c r="C164" s="16" t="s">
        <v>135</v>
      </c>
      <c r="D164" s="16" t="s">
        <v>134</v>
      </c>
      <c r="E164" s="16"/>
      <c r="F164" s="16" t="s">
        <v>1323</v>
      </c>
    </row>
    <row r="165" spans="1:6" ht="24.75" thickBot="1" x14ac:dyDescent="0.3">
      <c r="A165" s="22" t="s">
        <v>1483</v>
      </c>
      <c r="B165" s="23" t="s">
        <v>1748</v>
      </c>
      <c r="C165" s="24" t="s">
        <v>131</v>
      </c>
      <c r="D165" s="24" t="s">
        <v>130</v>
      </c>
      <c r="E165" s="24"/>
      <c r="F165" s="16" t="s">
        <v>1323</v>
      </c>
    </row>
    <row r="166" spans="1:6" ht="12.75" thickTop="1" x14ac:dyDescent="0.25">
      <c r="A166" s="25" t="s">
        <v>1462</v>
      </c>
      <c r="B166" s="26" t="s">
        <v>1461</v>
      </c>
      <c r="C166" s="27" t="s">
        <v>262</v>
      </c>
      <c r="D166" s="27" t="s">
        <v>1481</v>
      </c>
      <c r="E166" s="27" t="s">
        <v>1480</v>
      </c>
      <c r="F166" s="16" t="s">
        <v>1323</v>
      </c>
    </row>
    <row r="167" spans="1:6" x14ac:dyDescent="0.25">
      <c r="A167" s="15" t="s">
        <v>1462</v>
      </c>
      <c r="B167" s="20" t="s">
        <v>1748</v>
      </c>
      <c r="C167" s="16" t="s">
        <v>1479</v>
      </c>
      <c r="D167" s="16" t="s">
        <v>1478</v>
      </c>
      <c r="E167" s="16" t="s">
        <v>1477</v>
      </c>
      <c r="F167" s="16" t="s">
        <v>1323</v>
      </c>
    </row>
    <row r="168" spans="1:6" x14ac:dyDescent="0.25">
      <c r="A168" s="15" t="s">
        <v>1462</v>
      </c>
      <c r="B168" s="20" t="s">
        <v>1748</v>
      </c>
      <c r="C168" s="16" t="s">
        <v>1476</v>
      </c>
      <c r="D168" s="16" t="s">
        <v>1475</v>
      </c>
      <c r="E168" s="16" t="s">
        <v>1474</v>
      </c>
      <c r="F168" s="16" t="s">
        <v>1323</v>
      </c>
    </row>
    <row r="169" spans="1:6" x14ac:dyDescent="0.25">
      <c r="A169" s="15" t="s">
        <v>1462</v>
      </c>
      <c r="B169" s="20" t="s">
        <v>1748</v>
      </c>
      <c r="C169" s="16" t="s">
        <v>1473</v>
      </c>
      <c r="D169" s="16" t="s">
        <v>1472</v>
      </c>
      <c r="E169" s="16" t="s">
        <v>1471</v>
      </c>
      <c r="F169" s="16" t="s">
        <v>1323</v>
      </c>
    </row>
    <row r="170" spans="1:6" x14ac:dyDescent="0.25">
      <c r="A170" s="15" t="s">
        <v>1462</v>
      </c>
      <c r="B170" s="20" t="s">
        <v>1748</v>
      </c>
      <c r="C170" s="16" t="s">
        <v>1470</v>
      </c>
      <c r="D170" s="16" t="s">
        <v>1469</v>
      </c>
      <c r="E170" s="16" t="s">
        <v>1468</v>
      </c>
      <c r="F170" s="16" t="s">
        <v>1323</v>
      </c>
    </row>
    <row r="171" spans="1:6" x14ac:dyDescent="0.25">
      <c r="A171" s="15" t="s">
        <v>1462</v>
      </c>
      <c r="B171" s="20" t="s">
        <v>1748</v>
      </c>
      <c r="C171" s="16" t="s">
        <v>1467</v>
      </c>
      <c r="D171" s="16" t="s">
        <v>1466</v>
      </c>
      <c r="E171" s="16" t="s">
        <v>1465</v>
      </c>
      <c r="F171" s="16" t="s">
        <v>1323</v>
      </c>
    </row>
    <row r="172" spans="1:6" x14ac:dyDescent="0.25">
      <c r="A172" s="15" t="s">
        <v>1462</v>
      </c>
      <c r="B172" s="20" t="s">
        <v>1748</v>
      </c>
      <c r="C172" s="16" t="s">
        <v>334</v>
      </c>
      <c r="D172" s="16" t="s">
        <v>1464</v>
      </c>
      <c r="E172" s="16" t="s">
        <v>1463</v>
      </c>
      <c r="F172" s="16" t="s">
        <v>1323</v>
      </c>
    </row>
    <row r="173" spans="1:6" ht="12.75" thickBot="1" x14ac:dyDescent="0.3">
      <c r="A173" s="22" t="s">
        <v>1462</v>
      </c>
      <c r="B173" s="23" t="s">
        <v>1748</v>
      </c>
      <c r="C173" s="24" t="s">
        <v>1460</v>
      </c>
      <c r="D173" s="24" t="s">
        <v>1459</v>
      </c>
      <c r="E173" s="24" t="s">
        <v>1458</v>
      </c>
      <c r="F173" s="16" t="s">
        <v>1323</v>
      </c>
    </row>
    <row r="174" spans="1:6" ht="84.75" thickTop="1" x14ac:dyDescent="0.25">
      <c r="A174" s="25" t="s">
        <v>1457</v>
      </c>
      <c r="B174" s="26" t="s">
        <v>1456</v>
      </c>
      <c r="C174" s="27">
        <v>1</v>
      </c>
      <c r="D174" s="27" t="s">
        <v>164</v>
      </c>
      <c r="E174" s="27" t="s">
        <v>163</v>
      </c>
      <c r="F174" s="16" t="s">
        <v>1323</v>
      </c>
    </row>
    <row r="175" spans="1:6" ht="24" x14ac:dyDescent="0.25">
      <c r="A175" s="15" t="s">
        <v>1457</v>
      </c>
      <c r="B175" s="20" t="s">
        <v>1748</v>
      </c>
      <c r="C175" s="16">
        <v>2</v>
      </c>
      <c r="D175" s="16" t="s">
        <v>162</v>
      </c>
      <c r="E175" s="16" t="s">
        <v>161</v>
      </c>
      <c r="F175" s="16" t="s">
        <v>1323</v>
      </c>
    </row>
    <row r="176" spans="1:6" ht="24" x14ac:dyDescent="0.25">
      <c r="A176" s="15" t="s">
        <v>1457</v>
      </c>
      <c r="B176" s="20" t="s">
        <v>1748</v>
      </c>
      <c r="C176" s="16">
        <v>3</v>
      </c>
      <c r="D176" s="16" t="s">
        <v>160</v>
      </c>
      <c r="E176" s="16" t="s">
        <v>159</v>
      </c>
      <c r="F176" s="16" t="s">
        <v>1323</v>
      </c>
    </row>
    <row r="177" spans="1:6" ht="24.75" thickBot="1" x14ac:dyDescent="0.3">
      <c r="A177" s="22" t="s">
        <v>1457</v>
      </c>
      <c r="B177" s="23" t="s">
        <v>1748</v>
      </c>
      <c r="C177" s="24">
        <v>4</v>
      </c>
      <c r="D177" s="24" t="s">
        <v>156</v>
      </c>
      <c r="E177" s="24" t="s">
        <v>155</v>
      </c>
      <c r="F177" s="16" t="s">
        <v>1323</v>
      </c>
    </row>
    <row r="178" spans="1:6" ht="24.75" thickTop="1" x14ac:dyDescent="0.25">
      <c r="A178" s="25" t="s">
        <v>1447</v>
      </c>
      <c r="B178" s="26" t="s">
        <v>1446</v>
      </c>
      <c r="C178" s="27" t="s">
        <v>1455</v>
      </c>
      <c r="D178" s="27" t="s">
        <v>1454</v>
      </c>
      <c r="E178" s="27"/>
      <c r="F178" s="16" t="s">
        <v>1323</v>
      </c>
    </row>
    <row r="179" spans="1:6" ht="24" x14ac:dyDescent="0.25">
      <c r="A179" s="15" t="s">
        <v>1447</v>
      </c>
      <c r="B179" s="20" t="s">
        <v>1748</v>
      </c>
      <c r="C179" s="16" t="s">
        <v>215</v>
      </c>
      <c r="D179" s="16" t="s">
        <v>1375</v>
      </c>
      <c r="E179" s="16"/>
      <c r="F179" s="16" t="s">
        <v>1323</v>
      </c>
    </row>
    <row r="180" spans="1:6" ht="24" x14ac:dyDescent="0.25">
      <c r="A180" s="15" t="s">
        <v>1447</v>
      </c>
      <c r="B180" s="20" t="s">
        <v>1748</v>
      </c>
      <c r="C180" s="16" t="s">
        <v>1453</v>
      </c>
      <c r="D180" s="16" t="s">
        <v>1452</v>
      </c>
      <c r="E180" s="16"/>
      <c r="F180" s="16" t="s">
        <v>1323</v>
      </c>
    </row>
    <row r="181" spans="1:6" ht="24" x14ac:dyDescent="0.25">
      <c r="A181" s="15" t="s">
        <v>1447</v>
      </c>
      <c r="B181" s="20" t="s">
        <v>1748</v>
      </c>
      <c r="C181" s="16" t="s">
        <v>1451</v>
      </c>
      <c r="D181" s="16" t="s">
        <v>1450</v>
      </c>
      <c r="E181" s="16"/>
      <c r="F181" s="16" t="s">
        <v>1323</v>
      </c>
    </row>
    <row r="182" spans="1:6" ht="24" x14ac:dyDescent="0.25">
      <c r="A182" s="15" t="s">
        <v>1447</v>
      </c>
      <c r="B182" s="20" t="s">
        <v>1748</v>
      </c>
      <c r="C182" s="16" t="s">
        <v>1449</v>
      </c>
      <c r="D182" s="16" t="s">
        <v>1448</v>
      </c>
      <c r="E182" s="16"/>
      <c r="F182" s="16" t="s">
        <v>1323</v>
      </c>
    </row>
    <row r="183" spans="1:6" ht="24.75" thickBot="1" x14ac:dyDescent="0.3">
      <c r="A183" s="22" t="s">
        <v>1447</v>
      </c>
      <c r="B183" s="23" t="s">
        <v>1748</v>
      </c>
      <c r="C183" s="24" t="s">
        <v>1445</v>
      </c>
      <c r="D183" s="24" t="s">
        <v>1444</v>
      </c>
      <c r="E183" s="24"/>
      <c r="F183" s="16" t="s">
        <v>1323</v>
      </c>
    </row>
    <row r="184" spans="1:6" ht="24.75" thickTop="1" x14ac:dyDescent="0.25">
      <c r="A184" s="25" t="s">
        <v>1443</v>
      </c>
      <c r="B184" s="26" t="s">
        <v>1442</v>
      </c>
      <c r="C184" s="27">
        <v>1</v>
      </c>
      <c r="D184" s="27" t="s">
        <v>164</v>
      </c>
      <c r="E184" s="27" t="s">
        <v>163</v>
      </c>
      <c r="F184" s="16" t="s">
        <v>1323</v>
      </c>
    </row>
    <row r="185" spans="1:6" ht="24" x14ac:dyDescent="0.25">
      <c r="A185" s="15" t="s">
        <v>1443</v>
      </c>
      <c r="B185" s="20" t="s">
        <v>1748</v>
      </c>
      <c r="C185" s="16">
        <v>2</v>
      </c>
      <c r="D185" s="16" t="s">
        <v>162</v>
      </c>
      <c r="E185" s="16" t="s">
        <v>161</v>
      </c>
      <c r="F185" s="16" t="s">
        <v>1323</v>
      </c>
    </row>
    <row r="186" spans="1:6" ht="24" x14ac:dyDescent="0.25">
      <c r="A186" s="15" t="s">
        <v>1443</v>
      </c>
      <c r="B186" s="20" t="s">
        <v>1748</v>
      </c>
      <c r="C186" s="16">
        <v>3</v>
      </c>
      <c r="D186" s="16" t="s">
        <v>160</v>
      </c>
      <c r="E186" s="16" t="s">
        <v>159</v>
      </c>
      <c r="F186" s="16" t="s">
        <v>1323</v>
      </c>
    </row>
    <row r="187" spans="1:6" ht="24.75" thickBot="1" x14ac:dyDescent="0.3">
      <c r="A187" s="22" t="s">
        <v>1443</v>
      </c>
      <c r="B187" s="23" t="s">
        <v>1748</v>
      </c>
      <c r="C187" s="24">
        <v>4</v>
      </c>
      <c r="D187" s="24" t="s">
        <v>156</v>
      </c>
      <c r="E187" s="24" t="s">
        <v>155</v>
      </c>
      <c r="F187" s="16" t="s">
        <v>1323</v>
      </c>
    </row>
    <row r="188" spans="1:6" ht="24.75" thickTop="1" x14ac:dyDescent="0.25">
      <c r="A188" s="25" t="s">
        <v>1434</v>
      </c>
      <c r="B188" s="26" t="s">
        <v>1433</v>
      </c>
      <c r="C188" s="27">
        <v>1</v>
      </c>
      <c r="D188" s="27" t="s">
        <v>1441</v>
      </c>
      <c r="E188" s="27"/>
      <c r="F188" s="16" t="s">
        <v>1323</v>
      </c>
    </row>
    <row r="189" spans="1:6" ht="24" x14ac:dyDescent="0.25">
      <c r="A189" s="15" t="s">
        <v>1434</v>
      </c>
      <c r="B189" s="20" t="s">
        <v>1748</v>
      </c>
      <c r="C189" s="16">
        <v>2</v>
      </c>
      <c r="D189" s="16" t="s">
        <v>1440</v>
      </c>
      <c r="E189" s="16"/>
      <c r="F189" s="16" t="s">
        <v>1323</v>
      </c>
    </row>
    <row r="190" spans="1:6" ht="24" x14ac:dyDescent="0.25">
      <c r="A190" s="15" t="s">
        <v>1434</v>
      </c>
      <c r="B190" s="20" t="s">
        <v>1748</v>
      </c>
      <c r="C190" s="16">
        <v>3</v>
      </c>
      <c r="D190" s="16" t="s">
        <v>1439</v>
      </c>
      <c r="E190" s="16"/>
      <c r="F190" s="16" t="s">
        <v>1323</v>
      </c>
    </row>
    <row r="191" spans="1:6" ht="24" x14ac:dyDescent="0.25">
      <c r="A191" s="15" t="s">
        <v>1434</v>
      </c>
      <c r="B191" s="20" t="s">
        <v>1748</v>
      </c>
      <c r="C191" s="16">
        <v>4</v>
      </c>
      <c r="D191" s="16" t="s">
        <v>1438</v>
      </c>
      <c r="E191" s="16"/>
      <c r="F191" s="16" t="s">
        <v>1323</v>
      </c>
    </row>
    <row r="192" spans="1:6" ht="24" x14ac:dyDescent="0.25">
      <c r="A192" s="15" t="s">
        <v>1434</v>
      </c>
      <c r="B192" s="20" t="s">
        <v>1748</v>
      </c>
      <c r="C192" s="16">
        <v>5</v>
      </c>
      <c r="D192" s="16" t="s">
        <v>1437</v>
      </c>
      <c r="E192" s="16"/>
      <c r="F192" s="16" t="s">
        <v>1323</v>
      </c>
    </row>
    <row r="193" spans="1:6" ht="24" x14ac:dyDescent="0.25">
      <c r="A193" s="15" t="s">
        <v>1434</v>
      </c>
      <c r="B193" s="20" t="s">
        <v>1748</v>
      </c>
      <c r="C193" s="16">
        <v>6</v>
      </c>
      <c r="D193" s="16" t="s">
        <v>1436</v>
      </c>
      <c r="E193" s="16"/>
      <c r="F193" s="16" t="s">
        <v>1323</v>
      </c>
    </row>
    <row r="194" spans="1:6" ht="24" x14ac:dyDescent="0.25">
      <c r="A194" s="15" t="s">
        <v>1434</v>
      </c>
      <c r="B194" s="20" t="s">
        <v>1748</v>
      </c>
      <c r="C194" s="16">
        <v>7</v>
      </c>
      <c r="D194" s="16" t="s">
        <v>1435</v>
      </c>
      <c r="E194" s="16"/>
      <c r="F194" s="16" t="s">
        <v>1323</v>
      </c>
    </row>
    <row r="195" spans="1:6" ht="24.75" thickBot="1" x14ac:dyDescent="0.3">
      <c r="A195" s="22" t="s">
        <v>1434</v>
      </c>
      <c r="B195" s="23" t="s">
        <v>1748</v>
      </c>
      <c r="C195" s="24">
        <v>8</v>
      </c>
      <c r="D195" s="24" t="s">
        <v>1432</v>
      </c>
      <c r="E195" s="24"/>
      <c r="F195" s="16" t="s">
        <v>1323</v>
      </c>
    </row>
    <row r="196" spans="1:6" ht="24.75" thickTop="1" x14ac:dyDescent="0.25">
      <c r="A196" s="25" t="s">
        <v>1422</v>
      </c>
      <c r="B196" s="26" t="s">
        <v>1421</v>
      </c>
      <c r="C196" s="27">
        <v>1</v>
      </c>
      <c r="D196" s="31">
        <v>0</v>
      </c>
      <c r="E196" s="27" t="s">
        <v>1431</v>
      </c>
      <c r="F196" s="16" t="s">
        <v>1323</v>
      </c>
    </row>
    <row r="197" spans="1:6" ht="24" x14ac:dyDescent="0.25">
      <c r="A197" s="15" t="s">
        <v>1422</v>
      </c>
      <c r="B197" s="20" t="s">
        <v>1748</v>
      </c>
      <c r="C197" s="16">
        <v>2</v>
      </c>
      <c r="D197" s="16" t="s">
        <v>1430</v>
      </c>
      <c r="E197" s="16" t="s">
        <v>1429</v>
      </c>
      <c r="F197" s="16" t="s">
        <v>1323</v>
      </c>
    </row>
    <row r="198" spans="1:6" ht="24" x14ac:dyDescent="0.25">
      <c r="A198" s="15" t="s">
        <v>1422</v>
      </c>
      <c r="B198" s="20" t="s">
        <v>1748</v>
      </c>
      <c r="C198" s="16">
        <v>3</v>
      </c>
      <c r="D198" s="16" t="s">
        <v>1428</v>
      </c>
      <c r="E198" s="16" t="s">
        <v>1427</v>
      </c>
      <c r="F198" s="16" t="s">
        <v>1323</v>
      </c>
    </row>
    <row r="199" spans="1:6" ht="24" x14ac:dyDescent="0.25">
      <c r="A199" s="15" t="s">
        <v>1422</v>
      </c>
      <c r="B199" s="20" t="s">
        <v>1748</v>
      </c>
      <c r="C199" s="16">
        <v>4</v>
      </c>
      <c r="D199" s="16" t="s">
        <v>1426</v>
      </c>
      <c r="E199" s="16" t="s">
        <v>1425</v>
      </c>
      <c r="F199" s="16" t="s">
        <v>1323</v>
      </c>
    </row>
    <row r="200" spans="1:6" ht="24" x14ac:dyDescent="0.25">
      <c r="A200" s="15" t="s">
        <v>1422</v>
      </c>
      <c r="B200" s="20" t="s">
        <v>1748</v>
      </c>
      <c r="C200" s="16">
        <v>5</v>
      </c>
      <c r="D200" s="16" t="s">
        <v>1424</v>
      </c>
      <c r="E200" s="16" t="s">
        <v>1423</v>
      </c>
      <c r="F200" s="16" t="s">
        <v>1323</v>
      </c>
    </row>
    <row r="201" spans="1:6" ht="24.75" thickBot="1" x14ac:dyDescent="0.3">
      <c r="A201" s="22" t="s">
        <v>1422</v>
      </c>
      <c r="B201" s="23" t="s">
        <v>1748</v>
      </c>
      <c r="C201" s="24">
        <v>6</v>
      </c>
      <c r="D201" s="24" t="s">
        <v>1420</v>
      </c>
      <c r="E201" s="24" t="s">
        <v>1419</v>
      </c>
      <c r="F201" s="16" t="s">
        <v>1323</v>
      </c>
    </row>
    <row r="202" spans="1:6" ht="24.75" thickTop="1" x14ac:dyDescent="0.25">
      <c r="A202" s="25" t="s">
        <v>1410</v>
      </c>
      <c r="B202" s="26" t="s">
        <v>1409</v>
      </c>
      <c r="C202" s="27">
        <v>1</v>
      </c>
      <c r="D202" s="27" t="s">
        <v>1418</v>
      </c>
      <c r="E202" s="27" t="s">
        <v>1417</v>
      </c>
      <c r="F202" s="16" t="s">
        <v>1323</v>
      </c>
    </row>
    <row r="203" spans="1:6" ht="24" x14ac:dyDescent="0.25">
      <c r="A203" s="15" t="s">
        <v>1410</v>
      </c>
      <c r="B203" s="20" t="s">
        <v>1748</v>
      </c>
      <c r="C203" s="16">
        <v>2</v>
      </c>
      <c r="D203" s="16" t="s">
        <v>1416</v>
      </c>
      <c r="E203" s="16" t="s">
        <v>1415</v>
      </c>
      <c r="F203" s="16" t="s">
        <v>1323</v>
      </c>
    </row>
    <row r="204" spans="1:6" ht="24" x14ac:dyDescent="0.25">
      <c r="A204" s="15" t="s">
        <v>1410</v>
      </c>
      <c r="B204" s="20" t="s">
        <v>1748</v>
      </c>
      <c r="C204" s="16">
        <v>3</v>
      </c>
      <c r="D204" s="16" t="s">
        <v>1414</v>
      </c>
      <c r="E204" s="16" t="s">
        <v>1413</v>
      </c>
      <c r="F204" s="16" t="s">
        <v>1323</v>
      </c>
    </row>
    <row r="205" spans="1:6" ht="24" x14ac:dyDescent="0.25">
      <c r="A205" s="15" t="s">
        <v>1410</v>
      </c>
      <c r="B205" s="20" t="s">
        <v>1748</v>
      </c>
      <c r="C205" s="16">
        <v>4</v>
      </c>
      <c r="D205" s="16" t="s">
        <v>1412</v>
      </c>
      <c r="E205" s="16" t="s">
        <v>1411</v>
      </c>
      <c r="F205" s="16" t="s">
        <v>1323</v>
      </c>
    </row>
    <row r="206" spans="1:6" ht="24.75" thickBot="1" x14ac:dyDescent="0.3">
      <c r="A206" s="22" t="s">
        <v>1410</v>
      </c>
      <c r="B206" s="23" t="s">
        <v>1748</v>
      </c>
      <c r="C206" s="24">
        <v>5</v>
      </c>
      <c r="D206" s="24" t="s">
        <v>1408</v>
      </c>
      <c r="E206" s="24" t="s">
        <v>1407</v>
      </c>
      <c r="F206" s="16" t="s">
        <v>1323</v>
      </c>
    </row>
    <row r="207" spans="1:6" ht="25.5" thickTop="1" thickBot="1" x14ac:dyDescent="0.3">
      <c r="A207" s="28" t="s">
        <v>1406</v>
      </c>
      <c r="B207" s="29" t="s">
        <v>1405</v>
      </c>
      <c r="C207" s="30"/>
      <c r="D207" s="30"/>
      <c r="E207" s="30"/>
      <c r="F207" s="16" t="s">
        <v>1323</v>
      </c>
    </row>
    <row r="208" spans="1:6" ht="24.75" thickTop="1" x14ac:dyDescent="0.25">
      <c r="A208" s="25" t="s">
        <v>1387</v>
      </c>
      <c r="B208" s="26" t="s">
        <v>1386</v>
      </c>
      <c r="C208" s="27">
        <v>0</v>
      </c>
      <c r="D208" s="27" t="s">
        <v>180</v>
      </c>
      <c r="E208" s="27" t="s">
        <v>1404</v>
      </c>
      <c r="F208" s="16" t="s">
        <v>1323</v>
      </c>
    </row>
    <row r="209" spans="1:6" ht="24" x14ac:dyDescent="0.25">
      <c r="A209" s="15" t="s">
        <v>1387</v>
      </c>
      <c r="B209" s="20" t="s">
        <v>1748</v>
      </c>
      <c r="C209" s="16">
        <v>1</v>
      </c>
      <c r="D209" s="16" t="s">
        <v>178</v>
      </c>
      <c r="E209" s="16" t="s">
        <v>1403</v>
      </c>
      <c r="F209" s="16" t="s">
        <v>1323</v>
      </c>
    </row>
    <row r="210" spans="1:6" ht="36" x14ac:dyDescent="0.25">
      <c r="A210" s="15" t="s">
        <v>1387</v>
      </c>
      <c r="B210" s="20" t="s">
        <v>1748</v>
      </c>
      <c r="C210" s="16">
        <v>2</v>
      </c>
      <c r="D210" s="16" t="s">
        <v>176</v>
      </c>
      <c r="E210" s="16" t="s">
        <v>1402</v>
      </c>
      <c r="F210" s="16" t="s">
        <v>1323</v>
      </c>
    </row>
    <row r="211" spans="1:6" ht="36" x14ac:dyDescent="0.25">
      <c r="A211" s="15" t="s">
        <v>1387</v>
      </c>
      <c r="B211" s="20" t="s">
        <v>1748</v>
      </c>
      <c r="C211" s="16">
        <v>3</v>
      </c>
      <c r="D211" s="16" t="s">
        <v>174</v>
      </c>
      <c r="E211" s="16" t="s">
        <v>1401</v>
      </c>
      <c r="F211" s="16" t="s">
        <v>1323</v>
      </c>
    </row>
    <row r="212" spans="1:6" ht="36" x14ac:dyDescent="0.25">
      <c r="A212" s="15" t="s">
        <v>1387</v>
      </c>
      <c r="B212" s="20" t="s">
        <v>1748</v>
      </c>
      <c r="C212" s="16">
        <v>4</v>
      </c>
      <c r="D212" s="16" t="s">
        <v>172</v>
      </c>
      <c r="E212" s="16" t="s">
        <v>1400</v>
      </c>
      <c r="F212" s="16" t="s">
        <v>1323</v>
      </c>
    </row>
    <row r="213" spans="1:6" ht="36" x14ac:dyDescent="0.25">
      <c r="A213" s="15" t="s">
        <v>1387</v>
      </c>
      <c r="B213" s="20" t="s">
        <v>1748</v>
      </c>
      <c r="C213" s="16">
        <v>5</v>
      </c>
      <c r="D213" s="16" t="s">
        <v>170</v>
      </c>
      <c r="E213" s="16" t="s">
        <v>1399</v>
      </c>
      <c r="F213" s="16" t="s">
        <v>1323</v>
      </c>
    </row>
    <row r="214" spans="1:6" ht="36" x14ac:dyDescent="0.25">
      <c r="A214" s="15" t="s">
        <v>1387</v>
      </c>
      <c r="B214" s="20" t="s">
        <v>1748</v>
      </c>
      <c r="C214" s="16">
        <v>6</v>
      </c>
      <c r="D214" s="16" t="s">
        <v>166</v>
      </c>
      <c r="E214" s="16" t="s">
        <v>1398</v>
      </c>
      <c r="F214" s="16" t="s">
        <v>1323</v>
      </c>
    </row>
    <row r="215" spans="1:6" ht="24" x14ac:dyDescent="0.25">
      <c r="A215" s="15" t="s">
        <v>1387</v>
      </c>
      <c r="B215" s="20" t="s">
        <v>1748</v>
      </c>
      <c r="C215" s="16">
        <v>7</v>
      </c>
      <c r="D215" s="16" t="s">
        <v>1397</v>
      </c>
      <c r="E215" s="16" t="s">
        <v>1396</v>
      </c>
      <c r="F215" s="16" t="s">
        <v>1323</v>
      </c>
    </row>
    <row r="216" spans="1:6" ht="24" x14ac:dyDescent="0.25">
      <c r="A216" s="15" t="s">
        <v>1387</v>
      </c>
      <c r="B216" s="20" t="s">
        <v>1748</v>
      </c>
      <c r="C216" s="16">
        <v>8</v>
      </c>
      <c r="D216" s="16" t="s">
        <v>1395</v>
      </c>
      <c r="E216" s="16" t="s">
        <v>1394</v>
      </c>
      <c r="F216" s="16" t="s">
        <v>1323</v>
      </c>
    </row>
    <row r="217" spans="1:6" ht="24" x14ac:dyDescent="0.25">
      <c r="A217" s="15" t="s">
        <v>1387</v>
      </c>
      <c r="B217" s="20" t="s">
        <v>1748</v>
      </c>
      <c r="C217" s="16">
        <v>9</v>
      </c>
      <c r="D217" s="16" t="s">
        <v>1393</v>
      </c>
      <c r="E217" s="16" t="s">
        <v>1392</v>
      </c>
      <c r="F217" s="16" t="s">
        <v>1323</v>
      </c>
    </row>
    <row r="218" spans="1:6" ht="24" x14ac:dyDescent="0.25">
      <c r="A218" s="15" t="s">
        <v>1387</v>
      </c>
      <c r="B218" s="20" t="s">
        <v>1748</v>
      </c>
      <c r="C218" s="16">
        <v>10</v>
      </c>
      <c r="D218" s="16" t="s">
        <v>1391</v>
      </c>
      <c r="E218" s="16" t="s">
        <v>1390</v>
      </c>
      <c r="F218" s="16" t="s">
        <v>1323</v>
      </c>
    </row>
    <row r="219" spans="1:6" ht="24" x14ac:dyDescent="0.25">
      <c r="A219" s="15" t="s">
        <v>1387</v>
      </c>
      <c r="B219" s="20" t="s">
        <v>1748</v>
      </c>
      <c r="C219" s="16">
        <v>11</v>
      </c>
      <c r="D219" s="16" t="s">
        <v>1389</v>
      </c>
      <c r="E219" s="16" t="s">
        <v>1388</v>
      </c>
      <c r="F219" s="16" t="s">
        <v>1323</v>
      </c>
    </row>
    <row r="220" spans="1:6" ht="24.75" thickBot="1" x14ac:dyDescent="0.3">
      <c r="A220" s="22" t="s">
        <v>1387</v>
      </c>
      <c r="B220" s="23" t="s">
        <v>1748</v>
      </c>
      <c r="C220" s="24">
        <v>12</v>
      </c>
      <c r="D220" s="24" t="s">
        <v>1385</v>
      </c>
      <c r="E220" s="24" t="s">
        <v>1384</v>
      </c>
      <c r="F220" s="16" t="s">
        <v>1323</v>
      </c>
    </row>
    <row r="221" spans="1:6" ht="25.5" thickTop="1" thickBot="1" x14ac:dyDescent="0.3">
      <c r="A221" s="28" t="s">
        <v>1383</v>
      </c>
      <c r="B221" s="29" t="s">
        <v>1382</v>
      </c>
      <c r="C221" s="30"/>
      <c r="D221" s="30"/>
      <c r="E221" s="30"/>
      <c r="F221" s="16" t="s">
        <v>1323</v>
      </c>
    </row>
    <row r="222" spans="1:6" ht="25.5" thickTop="1" thickBot="1" x14ac:dyDescent="0.3">
      <c r="A222" s="28" t="s">
        <v>1381</v>
      </c>
      <c r="B222" s="29" t="s">
        <v>1380</v>
      </c>
      <c r="C222" s="30"/>
      <c r="D222" s="30"/>
      <c r="E222" s="30"/>
      <c r="F222" s="16" t="s">
        <v>1323</v>
      </c>
    </row>
    <row r="223" spans="1:6" ht="13.5" thickTop="1" thickBot="1" x14ac:dyDescent="0.3">
      <c r="A223" s="28" t="s">
        <v>1379</v>
      </c>
      <c r="B223" s="29" t="s">
        <v>1378</v>
      </c>
      <c r="C223" s="30"/>
      <c r="D223" s="30"/>
      <c r="E223" s="30"/>
      <c r="F223" s="16" t="s">
        <v>1323</v>
      </c>
    </row>
    <row r="224" spans="1:6" ht="25.5" thickTop="1" thickBot="1" x14ac:dyDescent="0.3">
      <c r="A224" s="28" t="s">
        <v>1377</v>
      </c>
      <c r="B224" s="29" t="s">
        <v>1376</v>
      </c>
      <c r="C224" s="30"/>
      <c r="D224" s="30"/>
      <c r="E224" s="30"/>
      <c r="F224" s="16" t="s">
        <v>1323</v>
      </c>
    </row>
    <row r="225" spans="1:6" ht="24.75" thickTop="1" x14ac:dyDescent="0.25">
      <c r="A225" s="25" t="s">
        <v>1370</v>
      </c>
      <c r="B225" s="26" t="s">
        <v>1369</v>
      </c>
      <c r="C225" s="27" t="s">
        <v>215</v>
      </c>
      <c r="D225" s="27" t="s">
        <v>1375</v>
      </c>
      <c r="E225" s="27"/>
      <c r="F225" s="16" t="s">
        <v>1323</v>
      </c>
    </row>
    <row r="226" spans="1:6" ht="24" x14ac:dyDescent="0.25">
      <c r="A226" s="15" t="s">
        <v>1370</v>
      </c>
      <c r="B226" s="20" t="s">
        <v>1748</v>
      </c>
      <c r="C226" s="16" t="s">
        <v>1374</v>
      </c>
      <c r="D226" s="16" t="s">
        <v>1373</v>
      </c>
      <c r="E226" s="16"/>
      <c r="F226" s="16" t="s">
        <v>1323</v>
      </c>
    </row>
    <row r="227" spans="1:6" ht="24" x14ac:dyDescent="0.25">
      <c r="A227" s="15" t="s">
        <v>1370</v>
      </c>
      <c r="B227" s="20" t="s">
        <v>1748</v>
      </c>
      <c r="C227" s="16" t="s">
        <v>1372</v>
      </c>
      <c r="D227" s="16" t="s">
        <v>1371</v>
      </c>
      <c r="E227" s="16"/>
      <c r="F227" s="16" t="s">
        <v>1323</v>
      </c>
    </row>
    <row r="228" spans="1:6" ht="24.75" thickBot="1" x14ac:dyDescent="0.3">
      <c r="A228" s="22" t="s">
        <v>1370</v>
      </c>
      <c r="B228" s="23" t="s">
        <v>1748</v>
      </c>
      <c r="C228" s="24" t="s">
        <v>380</v>
      </c>
      <c r="D228" s="24" t="s">
        <v>1368</v>
      </c>
      <c r="E228" s="24"/>
      <c r="F228" s="16" t="s">
        <v>1323</v>
      </c>
    </row>
    <row r="229" spans="1:6" ht="25.5" thickTop="1" thickBot="1" x14ac:dyDescent="0.3">
      <c r="A229" s="28" t="s">
        <v>1367</v>
      </c>
      <c r="B229" s="29" t="s">
        <v>1366</v>
      </c>
      <c r="C229" s="30"/>
      <c r="D229" s="30"/>
      <c r="E229" s="30"/>
      <c r="F229" s="16" t="s">
        <v>1323</v>
      </c>
    </row>
    <row r="230" spans="1:6" ht="36.75" thickTop="1" x14ac:dyDescent="0.25">
      <c r="A230" s="25" t="s">
        <v>1363</v>
      </c>
      <c r="B230" s="26" t="s">
        <v>1362</v>
      </c>
      <c r="C230" s="27" t="s">
        <v>146</v>
      </c>
      <c r="D230" s="27" t="s">
        <v>1359</v>
      </c>
      <c r="E230" s="27" t="s">
        <v>1365</v>
      </c>
      <c r="F230" s="16" t="s">
        <v>1323</v>
      </c>
    </row>
    <row r="231" spans="1:6" ht="48" x14ac:dyDescent="0.25">
      <c r="A231" s="15" t="s">
        <v>1363</v>
      </c>
      <c r="B231" s="20" t="s">
        <v>1748</v>
      </c>
      <c r="C231" s="16" t="s">
        <v>149</v>
      </c>
      <c r="D231" s="16" t="s">
        <v>1355</v>
      </c>
      <c r="E231" s="16" t="s">
        <v>1364</v>
      </c>
      <c r="F231" s="16" t="s">
        <v>1323</v>
      </c>
    </row>
    <row r="232" spans="1:6" ht="24.75" thickBot="1" x14ac:dyDescent="0.3">
      <c r="A232" s="22" t="s">
        <v>1363</v>
      </c>
      <c r="B232" s="23" t="s">
        <v>1748</v>
      </c>
      <c r="C232" s="24" t="s">
        <v>197</v>
      </c>
      <c r="D232" s="24" t="s">
        <v>1361</v>
      </c>
      <c r="E232" s="24" t="s">
        <v>1360</v>
      </c>
      <c r="F232" s="16" t="s">
        <v>1323</v>
      </c>
    </row>
    <row r="233" spans="1:6" ht="24.75" thickTop="1" x14ac:dyDescent="0.25">
      <c r="A233" s="25" t="s">
        <v>1357</v>
      </c>
      <c r="B233" s="26" t="s">
        <v>1356</v>
      </c>
      <c r="C233" s="27" t="s">
        <v>146</v>
      </c>
      <c r="D233" s="27" t="s">
        <v>1359</v>
      </c>
      <c r="E233" s="27" t="s">
        <v>1358</v>
      </c>
      <c r="F233" s="16" t="s">
        <v>1323</v>
      </c>
    </row>
    <row r="234" spans="1:6" ht="24.75" thickBot="1" x14ac:dyDescent="0.3">
      <c r="A234" s="22" t="s">
        <v>1357</v>
      </c>
      <c r="B234" s="23" t="s">
        <v>1748</v>
      </c>
      <c r="C234" s="24" t="s">
        <v>149</v>
      </c>
      <c r="D234" s="24" t="s">
        <v>1355</v>
      </c>
      <c r="E234" s="24" t="s">
        <v>1354</v>
      </c>
      <c r="F234" s="16" t="s">
        <v>1323</v>
      </c>
    </row>
    <row r="235" spans="1:6" ht="13.5" thickTop="1" thickBot="1" x14ac:dyDescent="0.3">
      <c r="A235" s="28" t="s">
        <v>1353</v>
      </c>
      <c r="B235" s="29" t="s">
        <v>1352</v>
      </c>
      <c r="C235" s="30"/>
      <c r="D235" s="30"/>
      <c r="E235" s="30"/>
      <c r="F235" s="16" t="s">
        <v>1323</v>
      </c>
    </row>
    <row r="236" spans="1:6" ht="24.75" thickTop="1" x14ac:dyDescent="0.25">
      <c r="A236" s="25" t="s">
        <v>1333</v>
      </c>
      <c r="B236" s="26" t="s">
        <v>1332</v>
      </c>
      <c r="C236" s="27" t="s">
        <v>1351</v>
      </c>
      <c r="D236" s="27" t="s">
        <v>1350</v>
      </c>
      <c r="E236" s="27" t="s">
        <v>1349</v>
      </c>
      <c r="F236" s="16" t="s">
        <v>1323</v>
      </c>
    </row>
    <row r="237" spans="1:6" ht="24" x14ac:dyDescent="0.25">
      <c r="A237" s="15" t="s">
        <v>1333</v>
      </c>
      <c r="B237" s="20" t="s">
        <v>1748</v>
      </c>
      <c r="C237" s="16" t="s">
        <v>1348</v>
      </c>
      <c r="D237" s="16" t="s">
        <v>1347</v>
      </c>
      <c r="E237" s="16"/>
      <c r="F237" s="16" t="s">
        <v>1323</v>
      </c>
    </row>
    <row r="238" spans="1:6" ht="24" x14ac:dyDescent="0.25">
      <c r="A238" s="15" t="s">
        <v>1333</v>
      </c>
      <c r="B238" s="20" t="s">
        <v>1748</v>
      </c>
      <c r="C238" s="16" t="s">
        <v>1346</v>
      </c>
      <c r="D238" s="16" t="s">
        <v>1345</v>
      </c>
      <c r="E238" s="16" t="s">
        <v>1344</v>
      </c>
      <c r="F238" s="16" t="s">
        <v>1323</v>
      </c>
    </row>
    <row r="239" spans="1:6" ht="24" x14ac:dyDescent="0.25">
      <c r="A239" s="15" t="s">
        <v>1333</v>
      </c>
      <c r="B239" s="20" t="s">
        <v>1748</v>
      </c>
      <c r="C239" s="16" t="s">
        <v>1343</v>
      </c>
      <c r="D239" s="16" t="s">
        <v>1342</v>
      </c>
      <c r="E239" s="16"/>
      <c r="F239" s="16" t="s">
        <v>1323</v>
      </c>
    </row>
    <row r="240" spans="1:6" ht="24" x14ac:dyDescent="0.25">
      <c r="A240" s="15" t="s">
        <v>1333</v>
      </c>
      <c r="B240" s="20" t="s">
        <v>1748</v>
      </c>
      <c r="C240" s="16" t="s">
        <v>1341</v>
      </c>
      <c r="D240" s="16" t="s">
        <v>1340</v>
      </c>
      <c r="E240" s="16" t="s">
        <v>1339</v>
      </c>
      <c r="F240" s="16" t="s">
        <v>1323</v>
      </c>
    </row>
    <row r="241" spans="1:6" ht="24" x14ac:dyDescent="0.25">
      <c r="A241" s="15" t="s">
        <v>1333</v>
      </c>
      <c r="B241" s="20" t="s">
        <v>1748</v>
      </c>
      <c r="C241" s="16" t="s">
        <v>1338</v>
      </c>
      <c r="D241" s="16" t="s">
        <v>1337</v>
      </c>
      <c r="E241" s="16"/>
      <c r="F241" s="16" t="s">
        <v>1323</v>
      </c>
    </row>
    <row r="242" spans="1:6" ht="24" x14ac:dyDescent="0.25">
      <c r="A242" s="15" t="s">
        <v>1333</v>
      </c>
      <c r="B242" s="20" t="s">
        <v>1748</v>
      </c>
      <c r="C242" s="16" t="s">
        <v>1336</v>
      </c>
      <c r="D242" s="16" t="s">
        <v>1335</v>
      </c>
      <c r="E242" s="16" t="s">
        <v>1334</v>
      </c>
      <c r="F242" s="16" t="s">
        <v>1323</v>
      </c>
    </row>
    <row r="243" spans="1:6" ht="24.75" thickBot="1" x14ac:dyDescent="0.3">
      <c r="A243" s="22" t="s">
        <v>1333</v>
      </c>
      <c r="B243" s="23" t="s">
        <v>1748</v>
      </c>
      <c r="C243" s="24" t="s">
        <v>1331</v>
      </c>
      <c r="D243" s="24" t="s">
        <v>1330</v>
      </c>
      <c r="E243" s="24"/>
      <c r="F243" s="16" t="s">
        <v>1323</v>
      </c>
    </row>
    <row r="244" spans="1:6" ht="37.5" thickTop="1" thickBot="1" x14ac:dyDescent="0.3">
      <c r="A244" s="28" t="s">
        <v>1329</v>
      </c>
      <c r="B244" s="29" t="s">
        <v>1328</v>
      </c>
      <c r="C244" s="30"/>
      <c r="D244" s="30"/>
      <c r="E244" s="30"/>
      <c r="F244" s="16" t="s">
        <v>1323</v>
      </c>
    </row>
    <row r="245" spans="1:6" ht="25.5" thickTop="1" thickBot="1" x14ac:dyDescent="0.3">
      <c r="A245" s="28" t="s">
        <v>1327</v>
      </c>
      <c r="B245" s="29" t="s">
        <v>1326</v>
      </c>
      <c r="C245" s="30"/>
      <c r="D245" s="30"/>
      <c r="E245" s="30"/>
      <c r="F245" s="16" t="s">
        <v>1323</v>
      </c>
    </row>
    <row r="246" spans="1:6" ht="37.5" thickTop="1" thickBot="1" x14ac:dyDescent="0.3">
      <c r="A246" s="28" t="s">
        <v>1325</v>
      </c>
      <c r="B246" s="29" t="s">
        <v>1324</v>
      </c>
      <c r="C246" s="30"/>
      <c r="D246" s="30"/>
      <c r="E246" s="30"/>
      <c r="F246" s="16" t="s">
        <v>1323</v>
      </c>
    </row>
    <row r="247" spans="1:6" ht="61.5" thickTop="1" thickBot="1" x14ac:dyDescent="0.3">
      <c r="A247" s="28" t="s">
        <v>27</v>
      </c>
      <c r="B247" s="29" t="s">
        <v>1322</v>
      </c>
      <c r="C247" s="30"/>
      <c r="D247" s="30"/>
      <c r="E247" s="30"/>
      <c r="F247" s="16"/>
    </row>
    <row r="248" spans="1:6" ht="121.5" thickTop="1" thickBot="1" x14ac:dyDescent="0.3">
      <c r="A248" s="28" t="s">
        <v>1321</v>
      </c>
      <c r="B248" s="29" t="s">
        <v>1320</v>
      </c>
      <c r="C248" s="30"/>
      <c r="D248" s="30"/>
      <c r="E248" s="30"/>
      <c r="F248" s="16" t="s">
        <v>732</v>
      </c>
    </row>
    <row r="249" spans="1:6" ht="61.5" thickTop="1" thickBot="1" x14ac:dyDescent="0.3">
      <c r="A249" s="28" t="s">
        <v>28</v>
      </c>
      <c r="B249" s="29" t="s">
        <v>1319</v>
      </c>
      <c r="C249" s="30"/>
      <c r="D249" s="30"/>
      <c r="E249" s="30"/>
      <c r="F249" s="16"/>
    </row>
    <row r="250" spans="1:6" ht="121.5" thickTop="1" thickBot="1" x14ac:dyDescent="0.3">
      <c r="A250" s="28" t="s">
        <v>30</v>
      </c>
      <c r="B250" s="29" t="s">
        <v>1318</v>
      </c>
      <c r="C250" s="30"/>
      <c r="D250" s="30"/>
      <c r="E250" s="30"/>
      <c r="F250" s="16" t="s">
        <v>732</v>
      </c>
    </row>
    <row r="251" spans="1:6" ht="145.5" thickTop="1" thickBot="1" x14ac:dyDescent="0.3">
      <c r="A251" s="28" t="s">
        <v>1755</v>
      </c>
      <c r="B251" s="29" t="s">
        <v>1754</v>
      </c>
      <c r="C251" s="30"/>
      <c r="D251" s="30"/>
      <c r="E251" s="30"/>
      <c r="F251" s="16" t="s">
        <v>732</v>
      </c>
    </row>
    <row r="252" spans="1:6" ht="49.5" thickTop="1" thickBot="1" x14ac:dyDescent="0.3">
      <c r="A252" s="28" t="s">
        <v>1756</v>
      </c>
      <c r="B252" s="29" t="s">
        <v>1753</v>
      </c>
      <c r="C252" s="30"/>
      <c r="D252" s="30"/>
      <c r="E252" s="30"/>
      <c r="F252" s="16" t="s">
        <v>732</v>
      </c>
    </row>
    <row r="253" spans="1:6" ht="109.5" thickTop="1" thickBot="1" x14ac:dyDescent="0.3">
      <c r="A253" s="28" t="s">
        <v>31</v>
      </c>
      <c r="B253" s="29" t="s">
        <v>1317</v>
      </c>
      <c r="C253" s="30"/>
      <c r="D253" s="30"/>
      <c r="E253" s="30"/>
      <c r="F253" s="16" t="s">
        <v>732</v>
      </c>
    </row>
    <row r="254" spans="1:6" ht="133.5" thickTop="1" thickBot="1" x14ac:dyDescent="0.3">
      <c r="A254" s="28" t="s">
        <v>32</v>
      </c>
      <c r="B254" s="29" t="s">
        <v>1316</v>
      </c>
      <c r="C254" s="30"/>
      <c r="D254" s="30"/>
      <c r="E254" s="30"/>
      <c r="F254" s="16" t="s">
        <v>732</v>
      </c>
    </row>
    <row r="255" spans="1:6" ht="145.5" thickTop="1" thickBot="1" x14ac:dyDescent="0.3">
      <c r="A255" s="28" t="s">
        <v>33</v>
      </c>
      <c r="B255" s="29" t="s">
        <v>1315</v>
      </c>
      <c r="C255" s="30"/>
      <c r="D255" s="30"/>
      <c r="E255" s="30"/>
      <c r="F255" s="16" t="s">
        <v>732</v>
      </c>
    </row>
    <row r="256" spans="1:6" ht="145.5" thickTop="1" thickBot="1" x14ac:dyDescent="0.3">
      <c r="A256" s="28" t="s">
        <v>34</v>
      </c>
      <c r="B256" s="29" t="s">
        <v>1314</v>
      </c>
      <c r="C256" s="30"/>
      <c r="D256" s="30"/>
      <c r="E256" s="30"/>
      <c r="F256" s="16" t="s">
        <v>732</v>
      </c>
    </row>
    <row r="257" spans="1:6" ht="37.5" thickTop="1" thickBot="1" x14ac:dyDescent="0.3">
      <c r="A257" s="28" t="s">
        <v>35</v>
      </c>
      <c r="B257" s="29" t="s">
        <v>1313</v>
      </c>
      <c r="C257" s="30"/>
      <c r="D257" s="30"/>
      <c r="E257" s="30"/>
      <c r="F257" s="16" t="s">
        <v>732</v>
      </c>
    </row>
    <row r="258" spans="1:6" ht="37.5" thickTop="1" thickBot="1" x14ac:dyDescent="0.3">
      <c r="A258" s="28" t="s">
        <v>36</v>
      </c>
      <c r="B258" s="29" t="s">
        <v>1312</v>
      </c>
      <c r="C258" s="30"/>
      <c r="D258" s="30"/>
      <c r="E258" s="30"/>
      <c r="F258" s="16" t="s">
        <v>732</v>
      </c>
    </row>
    <row r="259" spans="1:6" ht="25.5" thickTop="1" thickBot="1" x14ac:dyDescent="0.3">
      <c r="A259" s="28" t="s">
        <v>37</v>
      </c>
      <c r="B259" s="29" t="s">
        <v>1311</v>
      </c>
      <c r="C259" s="30"/>
      <c r="D259" s="30"/>
      <c r="E259" s="30"/>
      <c r="F259" s="16" t="s">
        <v>732</v>
      </c>
    </row>
    <row r="260" spans="1:6" ht="13.5" thickTop="1" thickBot="1" x14ac:dyDescent="0.3">
      <c r="A260" s="28" t="s">
        <v>38</v>
      </c>
      <c r="B260" s="29" t="s">
        <v>115</v>
      </c>
      <c r="C260" s="30"/>
      <c r="D260" s="30"/>
      <c r="E260" s="30"/>
      <c r="F260" s="16" t="s">
        <v>732</v>
      </c>
    </row>
    <row r="261" spans="1:6" ht="61.5" thickTop="1" thickBot="1" x14ac:dyDescent="0.3">
      <c r="A261" s="28" t="s">
        <v>39</v>
      </c>
      <c r="B261" s="29" t="s">
        <v>1310</v>
      </c>
      <c r="C261" s="30"/>
      <c r="D261" s="30"/>
      <c r="E261" s="30"/>
      <c r="F261" s="16"/>
    </row>
    <row r="262" spans="1:6" ht="109.5" thickTop="1" thickBot="1" x14ac:dyDescent="0.3">
      <c r="A262" s="28" t="s">
        <v>40</v>
      </c>
      <c r="B262" s="29" t="s">
        <v>1309</v>
      </c>
      <c r="C262" s="30"/>
      <c r="D262" s="30"/>
      <c r="E262" s="30"/>
      <c r="F262" s="16"/>
    </row>
    <row r="263" spans="1:6" ht="133.5" thickTop="1" thickBot="1" x14ac:dyDescent="0.3">
      <c r="A263" s="28" t="s">
        <v>42</v>
      </c>
      <c r="B263" s="29" t="s">
        <v>1308</v>
      </c>
      <c r="C263" s="30"/>
      <c r="D263" s="30"/>
      <c r="E263" s="30"/>
      <c r="F263" s="16" t="s">
        <v>732</v>
      </c>
    </row>
    <row r="264" spans="1:6" ht="24.75" thickTop="1" x14ac:dyDescent="0.25">
      <c r="A264" s="25" t="s">
        <v>43</v>
      </c>
      <c r="B264" s="26" t="s">
        <v>1307</v>
      </c>
      <c r="C264" s="27" t="s">
        <v>210</v>
      </c>
      <c r="D264" s="27" t="s">
        <v>755</v>
      </c>
      <c r="E264" s="27"/>
      <c r="F264" s="16" t="s">
        <v>732</v>
      </c>
    </row>
    <row r="265" spans="1:6" ht="24" x14ac:dyDescent="0.25">
      <c r="A265" s="15" t="s">
        <v>43</v>
      </c>
      <c r="B265" s="20" t="s">
        <v>1748</v>
      </c>
      <c r="C265" s="16" t="s">
        <v>154</v>
      </c>
      <c r="D265" s="16" t="s">
        <v>754</v>
      </c>
      <c r="E265" s="16"/>
      <c r="F265" s="16" t="s">
        <v>732</v>
      </c>
    </row>
    <row r="266" spans="1:6" ht="24" x14ac:dyDescent="0.25">
      <c r="A266" s="15" t="s">
        <v>43</v>
      </c>
      <c r="B266" s="20" t="s">
        <v>1748</v>
      </c>
      <c r="C266" s="16" t="s">
        <v>753</v>
      </c>
      <c r="D266" s="16" t="s">
        <v>669</v>
      </c>
      <c r="E266" s="16"/>
      <c r="F266" s="16" t="s">
        <v>732</v>
      </c>
    </row>
    <row r="267" spans="1:6" ht="24.75" thickBot="1" x14ac:dyDescent="0.3">
      <c r="A267" s="22" t="s">
        <v>43</v>
      </c>
      <c r="B267" s="23" t="s">
        <v>1748</v>
      </c>
      <c r="C267" s="24" t="s">
        <v>751</v>
      </c>
      <c r="D267" s="24" t="s">
        <v>750</v>
      </c>
      <c r="E267" s="24"/>
      <c r="F267" s="16" t="s">
        <v>732</v>
      </c>
    </row>
    <row r="268" spans="1:6" ht="25.5" thickTop="1" thickBot="1" x14ac:dyDescent="0.3">
      <c r="A268" s="28" t="s">
        <v>44</v>
      </c>
      <c r="B268" s="29" t="s">
        <v>1306</v>
      </c>
      <c r="C268" s="30"/>
      <c r="D268" s="30"/>
      <c r="E268" s="30"/>
      <c r="F268" s="16" t="s">
        <v>732</v>
      </c>
    </row>
    <row r="269" spans="1:6" ht="24.75" thickTop="1" x14ac:dyDescent="0.25">
      <c r="A269" s="25" t="s">
        <v>45</v>
      </c>
      <c r="B269" s="26" t="s">
        <v>1281</v>
      </c>
      <c r="C269" s="27" t="s">
        <v>1305</v>
      </c>
      <c r="D269" s="27" t="s">
        <v>1304</v>
      </c>
      <c r="E269" s="27" t="s">
        <v>1303</v>
      </c>
      <c r="F269" s="16" t="s">
        <v>732</v>
      </c>
    </row>
    <row r="270" spans="1:6" ht="24" x14ac:dyDescent="0.25">
      <c r="A270" s="15" t="s">
        <v>45</v>
      </c>
      <c r="B270" s="20" t="s">
        <v>1748</v>
      </c>
      <c r="C270" s="16" t="s">
        <v>337</v>
      </c>
      <c r="D270" s="16" t="s">
        <v>1302</v>
      </c>
      <c r="E270" s="16" t="s">
        <v>1301</v>
      </c>
      <c r="F270" s="16" t="s">
        <v>732</v>
      </c>
    </row>
    <row r="271" spans="1:6" ht="24" x14ac:dyDescent="0.25">
      <c r="A271" s="15" t="s">
        <v>45</v>
      </c>
      <c r="B271" s="20" t="s">
        <v>1748</v>
      </c>
      <c r="C271" s="16" t="s">
        <v>733</v>
      </c>
      <c r="D271" s="16" t="s">
        <v>1300</v>
      </c>
      <c r="E271" s="16" t="s">
        <v>1299</v>
      </c>
      <c r="F271" s="16" t="s">
        <v>732</v>
      </c>
    </row>
    <row r="272" spans="1:6" ht="24" x14ac:dyDescent="0.25">
      <c r="A272" s="15" t="s">
        <v>45</v>
      </c>
      <c r="B272" s="20" t="s">
        <v>1748</v>
      </c>
      <c r="C272" s="16" t="s">
        <v>316</v>
      </c>
      <c r="D272" s="16" t="s">
        <v>1298</v>
      </c>
      <c r="E272" s="16" t="s">
        <v>1297</v>
      </c>
      <c r="F272" s="16" t="s">
        <v>732</v>
      </c>
    </row>
    <row r="273" spans="1:6" ht="24" x14ac:dyDescent="0.25">
      <c r="A273" s="15" t="s">
        <v>45</v>
      </c>
      <c r="B273" s="20" t="s">
        <v>1748</v>
      </c>
      <c r="C273" s="16" t="s">
        <v>1296</v>
      </c>
      <c r="D273" s="16" t="s">
        <v>1295</v>
      </c>
      <c r="E273" s="16" t="s">
        <v>1294</v>
      </c>
      <c r="F273" s="16" t="s">
        <v>732</v>
      </c>
    </row>
    <row r="274" spans="1:6" ht="24" x14ac:dyDescent="0.25">
      <c r="A274" s="15" t="s">
        <v>45</v>
      </c>
      <c r="B274" s="20" t="s">
        <v>1748</v>
      </c>
      <c r="C274" s="16" t="s">
        <v>1293</v>
      </c>
      <c r="D274" s="16" t="s">
        <v>1292</v>
      </c>
      <c r="E274" s="16" t="s">
        <v>1291</v>
      </c>
      <c r="F274" s="16" t="s">
        <v>732</v>
      </c>
    </row>
    <row r="275" spans="1:6" ht="24" x14ac:dyDescent="0.25">
      <c r="A275" s="15" t="s">
        <v>45</v>
      </c>
      <c r="B275" s="20" t="s">
        <v>1748</v>
      </c>
      <c r="C275" s="16" t="s">
        <v>1290</v>
      </c>
      <c r="D275" s="16" t="s">
        <v>1289</v>
      </c>
      <c r="E275" s="16" t="s">
        <v>1288</v>
      </c>
      <c r="F275" s="16" t="s">
        <v>732</v>
      </c>
    </row>
    <row r="276" spans="1:6" ht="24" x14ac:dyDescent="0.25">
      <c r="A276" s="15" t="s">
        <v>45</v>
      </c>
      <c r="B276" s="20" t="s">
        <v>1748</v>
      </c>
      <c r="C276" s="16" t="s">
        <v>1287</v>
      </c>
      <c r="D276" s="16" t="s">
        <v>1286</v>
      </c>
      <c r="E276" s="16" t="s">
        <v>1285</v>
      </c>
      <c r="F276" s="16" t="s">
        <v>732</v>
      </c>
    </row>
    <row r="277" spans="1:6" ht="24" x14ac:dyDescent="0.25">
      <c r="A277" s="15" t="s">
        <v>45</v>
      </c>
      <c r="B277" s="20" t="s">
        <v>1748</v>
      </c>
      <c r="C277" s="16" t="s">
        <v>1284</v>
      </c>
      <c r="D277" s="16" t="s">
        <v>1283</v>
      </c>
      <c r="E277" s="16" t="s">
        <v>1282</v>
      </c>
      <c r="F277" s="16" t="s">
        <v>732</v>
      </c>
    </row>
    <row r="278" spans="1:6" ht="60.75" thickBot="1" x14ac:dyDescent="0.3">
      <c r="A278" s="22" t="s">
        <v>45</v>
      </c>
      <c r="B278" s="23" t="s">
        <v>1748</v>
      </c>
      <c r="C278" s="24" t="s">
        <v>322</v>
      </c>
      <c r="D278" s="24" t="s">
        <v>321</v>
      </c>
      <c r="E278" s="24" t="s">
        <v>1280</v>
      </c>
      <c r="F278" s="16" t="s">
        <v>732</v>
      </c>
    </row>
    <row r="279" spans="1:6" ht="37.5" thickTop="1" thickBot="1" x14ac:dyDescent="0.3">
      <c r="A279" s="28" t="s">
        <v>46</v>
      </c>
      <c r="B279" s="29" t="s">
        <v>1279</v>
      </c>
      <c r="C279" s="30"/>
      <c r="D279" s="30"/>
      <c r="E279" s="30"/>
      <c r="F279" s="16" t="s">
        <v>732</v>
      </c>
    </row>
    <row r="280" spans="1:6" ht="24.75" thickTop="1" x14ac:dyDescent="0.25">
      <c r="A280" s="25" t="s">
        <v>47</v>
      </c>
      <c r="B280" s="26" t="s">
        <v>1253</v>
      </c>
      <c r="C280" s="27" t="s">
        <v>154</v>
      </c>
      <c r="D280" s="27" t="s">
        <v>1278</v>
      </c>
      <c r="E280" s="27"/>
      <c r="F280" s="16" t="s">
        <v>732</v>
      </c>
    </row>
    <row r="281" spans="1:6" ht="24" x14ac:dyDescent="0.25">
      <c r="A281" s="15" t="s">
        <v>47</v>
      </c>
      <c r="B281" s="20" t="s">
        <v>1748</v>
      </c>
      <c r="C281" s="16" t="s">
        <v>1277</v>
      </c>
      <c r="D281" s="16" t="s">
        <v>1276</v>
      </c>
      <c r="E281" s="16"/>
      <c r="F281" s="16" t="s">
        <v>732</v>
      </c>
    </row>
    <row r="282" spans="1:6" ht="24" x14ac:dyDescent="0.25">
      <c r="A282" s="15" t="s">
        <v>47</v>
      </c>
      <c r="B282" s="20" t="s">
        <v>1748</v>
      </c>
      <c r="C282" s="16" t="s">
        <v>751</v>
      </c>
      <c r="D282" s="16" t="s">
        <v>1275</v>
      </c>
      <c r="E282" s="16"/>
      <c r="F282" s="16" t="s">
        <v>732</v>
      </c>
    </row>
    <row r="283" spans="1:6" ht="24" x14ac:dyDescent="0.25">
      <c r="A283" s="15" t="s">
        <v>47</v>
      </c>
      <c r="B283" s="20" t="s">
        <v>1748</v>
      </c>
      <c r="C283" s="16" t="s">
        <v>1274</v>
      </c>
      <c r="D283" s="16" t="s">
        <v>1273</v>
      </c>
      <c r="E283" s="16"/>
      <c r="F283" s="16" t="s">
        <v>732</v>
      </c>
    </row>
    <row r="284" spans="1:6" ht="24" x14ac:dyDescent="0.25">
      <c r="A284" s="15" t="s">
        <v>47</v>
      </c>
      <c r="B284" s="20" t="s">
        <v>1748</v>
      </c>
      <c r="C284" s="16" t="s">
        <v>468</v>
      </c>
      <c r="D284" s="16" t="s">
        <v>1272</v>
      </c>
      <c r="E284" s="16"/>
      <c r="F284" s="16" t="s">
        <v>732</v>
      </c>
    </row>
    <row r="285" spans="1:6" ht="24" x14ac:dyDescent="0.25">
      <c r="A285" s="15" t="s">
        <v>47</v>
      </c>
      <c r="B285" s="20" t="s">
        <v>1748</v>
      </c>
      <c r="C285" s="16" t="s">
        <v>1271</v>
      </c>
      <c r="D285" s="16" t="s">
        <v>1270</v>
      </c>
      <c r="E285" s="16"/>
      <c r="F285" s="16" t="s">
        <v>732</v>
      </c>
    </row>
    <row r="286" spans="1:6" ht="24" x14ac:dyDescent="0.25">
      <c r="A286" s="15" t="s">
        <v>47</v>
      </c>
      <c r="B286" s="20" t="s">
        <v>1748</v>
      </c>
      <c r="C286" s="16" t="s">
        <v>1269</v>
      </c>
      <c r="D286" s="16" t="s">
        <v>1268</v>
      </c>
      <c r="E286" s="16"/>
      <c r="F286" s="16" t="s">
        <v>732</v>
      </c>
    </row>
    <row r="287" spans="1:6" ht="24" x14ac:dyDescent="0.25">
      <c r="A287" s="15" t="s">
        <v>47</v>
      </c>
      <c r="B287" s="20" t="s">
        <v>1748</v>
      </c>
      <c r="C287" s="16" t="s">
        <v>1267</v>
      </c>
      <c r="D287" s="16" t="s">
        <v>1266</v>
      </c>
      <c r="E287" s="16"/>
      <c r="F287" s="16" t="s">
        <v>732</v>
      </c>
    </row>
    <row r="288" spans="1:6" ht="24" x14ac:dyDescent="0.25">
      <c r="A288" s="15" t="s">
        <v>47</v>
      </c>
      <c r="B288" s="20" t="s">
        <v>1748</v>
      </c>
      <c r="C288" s="16" t="s">
        <v>137</v>
      </c>
      <c r="D288" s="16" t="s">
        <v>1265</v>
      </c>
      <c r="E288" s="16"/>
      <c r="F288" s="16" t="s">
        <v>732</v>
      </c>
    </row>
    <row r="289" spans="1:6" ht="24" x14ac:dyDescent="0.25">
      <c r="A289" s="15" t="s">
        <v>47</v>
      </c>
      <c r="B289" s="20" t="s">
        <v>1748</v>
      </c>
      <c r="C289" s="16" t="s">
        <v>1264</v>
      </c>
      <c r="D289" s="16" t="s">
        <v>1263</v>
      </c>
      <c r="E289" s="16"/>
      <c r="F289" s="16" t="s">
        <v>732</v>
      </c>
    </row>
    <row r="290" spans="1:6" ht="24" x14ac:dyDescent="0.25">
      <c r="A290" s="15" t="s">
        <v>47</v>
      </c>
      <c r="B290" s="20" t="s">
        <v>1748</v>
      </c>
      <c r="C290" s="16" t="s">
        <v>1262</v>
      </c>
      <c r="D290" s="16" t="s">
        <v>1261</v>
      </c>
      <c r="E290" s="16"/>
      <c r="F290" s="16" t="s">
        <v>732</v>
      </c>
    </row>
    <row r="291" spans="1:6" ht="24" x14ac:dyDescent="0.25">
      <c r="A291" s="15" t="s">
        <v>47</v>
      </c>
      <c r="B291" s="20" t="s">
        <v>1748</v>
      </c>
      <c r="C291" s="16" t="s">
        <v>1260</v>
      </c>
      <c r="D291" s="16" t="s">
        <v>1259</v>
      </c>
      <c r="E291" s="16"/>
      <c r="F291" s="16" t="s">
        <v>732</v>
      </c>
    </row>
    <row r="292" spans="1:6" ht="24" x14ac:dyDescent="0.25">
      <c r="A292" s="15" t="s">
        <v>47</v>
      </c>
      <c r="B292" s="20" t="s">
        <v>1748</v>
      </c>
      <c r="C292" s="16" t="s">
        <v>197</v>
      </c>
      <c r="D292" s="16" t="s">
        <v>1258</v>
      </c>
      <c r="E292" s="16"/>
      <c r="F292" s="16" t="s">
        <v>732</v>
      </c>
    </row>
    <row r="293" spans="1:6" ht="24" x14ac:dyDescent="0.25">
      <c r="A293" s="15" t="s">
        <v>47</v>
      </c>
      <c r="B293" s="20" t="s">
        <v>1748</v>
      </c>
      <c r="C293" s="16" t="s">
        <v>1257</v>
      </c>
      <c r="D293" s="16" t="s">
        <v>1256</v>
      </c>
      <c r="E293" s="16"/>
      <c r="F293" s="16" t="s">
        <v>732</v>
      </c>
    </row>
    <row r="294" spans="1:6" ht="24" x14ac:dyDescent="0.25">
      <c r="A294" s="15" t="s">
        <v>47</v>
      </c>
      <c r="B294" s="20" t="s">
        <v>1748</v>
      </c>
      <c r="C294" s="16" t="s">
        <v>1255</v>
      </c>
      <c r="D294" s="16" t="s">
        <v>1254</v>
      </c>
      <c r="E294" s="16"/>
      <c r="F294" s="16" t="s">
        <v>732</v>
      </c>
    </row>
    <row r="295" spans="1:6" ht="24.75" thickBot="1" x14ac:dyDescent="0.3">
      <c r="A295" s="22" t="s">
        <v>47</v>
      </c>
      <c r="B295" s="23" t="s">
        <v>1748</v>
      </c>
      <c r="C295" s="24" t="s">
        <v>1252</v>
      </c>
      <c r="D295" s="24" t="s">
        <v>1251</v>
      </c>
      <c r="E295" s="24"/>
      <c r="F295" s="16" t="s">
        <v>732</v>
      </c>
    </row>
    <row r="296" spans="1:6" ht="25.5" thickTop="1" thickBot="1" x14ac:dyDescent="0.3">
      <c r="A296" s="28" t="s">
        <v>48</v>
      </c>
      <c r="B296" s="29" t="s">
        <v>1250</v>
      </c>
      <c r="C296" s="30"/>
      <c r="D296" s="30"/>
      <c r="E296" s="30"/>
      <c r="F296" s="16" t="s">
        <v>732</v>
      </c>
    </row>
    <row r="297" spans="1:6" ht="25.5" thickTop="1" thickBot="1" x14ac:dyDescent="0.3">
      <c r="A297" s="28" t="s">
        <v>49</v>
      </c>
      <c r="B297" s="29" t="s">
        <v>1249</v>
      </c>
      <c r="C297" s="30"/>
      <c r="D297" s="30"/>
      <c r="E297" s="30"/>
      <c r="F297" s="16" t="s">
        <v>732</v>
      </c>
    </row>
    <row r="298" spans="1:6" ht="48.75" thickTop="1" x14ac:dyDescent="0.25">
      <c r="A298" s="25" t="s">
        <v>50</v>
      </c>
      <c r="B298" s="26" t="s">
        <v>1246</v>
      </c>
      <c r="C298" s="27" t="s">
        <v>149</v>
      </c>
      <c r="D298" s="27" t="s">
        <v>1248</v>
      </c>
      <c r="E298" s="27"/>
      <c r="F298" s="16" t="s">
        <v>732</v>
      </c>
    </row>
    <row r="299" spans="1:6" x14ac:dyDescent="0.25">
      <c r="A299" s="15" t="s">
        <v>50</v>
      </c>
      <c r="B299" s="20" t="s">
        <v>1748</v>
      </c>
      <c r="C299" s="16" t="s">
        <v>152</v>
      </c>
      <c r="D299" s="16" t="s">
        <v>1247</v>
      </c>
      <c r="E299" s="16"/>
      <c r="F299" s="16" t="s">
        <v>732</v>
      </c>
    </row>
    <row r="300" spans="1:6" ht="12.75" thickBot="1" x14ac:dyDescent="0.3">
      <c r="A300" s="22" t="s">
        <v>50</v>
      </c>
      <c r="B300" s="23" t="s">
        <v>1748</v>
      </c>
      <c r="C300" s="24" t="s">
        <v>1224</v>
      </c>
      <c r="D300" s="24" t="s">
        <v>1223</v>
      </c>
      <c r="E300" s="24"/>
      <c r="F300" s="16" t="s">
        <v>732</v>
      </c>
    </row>
    <row r="301" spans="1:6" ht="48.75" thickTop="1" x14ac:dyDescent="0.25">
      <c r="A301" s="25" t="s">
        <v>51</v>
      </c>
      <c r="B301" s="26" t="s">
        <v>1225</v>
      </c>
      <c r="C301" s="27" t="s">
        <v>474</v>
      </c>
      <c r="D301" s="27" t="s">
        <v>1245</v>
      </c>
      <c r="E301" s="27" t="s">
        <v>1244</v>
      </c>
      <c r="F301" s="16" t="s">
        <v>732</v>
      </c>
    </row>
    <row r="302" spans="1:6" ht="72" x14ac:dyDescent="0.25">
      <c r="A302" s="15" t="s">
        <v>51</v>
      </c>
      <c r="B302" s="20" t="s">
        <v>1748</v>
      </c>
      <c r="C302" s="16" t="s">
        <v>137</v>
      </c>
      <c r="D302" s="16" t="s">
        <v>1243</v>
      </c>
      <c r="E302" s="16" t="s">
        <v>1242</v>
      </c>
      <c r="F302" s="16" t="s">
        <v>732</v>
      </c>
    </row>
    <row r="303" spans="1:6" ht="84" x14ac:dyDescent="0.25">
      <c r="A303" s="15" t="s">
        <v>51</v>
      </c>
      <c r="B303" s="20" t="s">
        <v>1748</v>
      </c>
      <c r="C303" s="16" t="s">
        <v>462</v>
      </c>
      <c r="D303" s="16" t="s">
        <v>1241</v>
      </c>
      <c r="E303" s="16" t="s">
        <v>1240</v>
      </c>
      <c r="F303" s="16" t="s">
        <v>732</v>
      </c>
    </row>
    <row r="304" spans="1:6" ht="24" x14ac:dyDescent="0.25">
      <c r="A304" s="15" t="s">
        <v>51</v>
      </c>
      <c r="B304" s="20" t="s">
        <v>1748</v>
      </c>
      <c r="C304" s="16">
        <v>2</v>
      </c>
      <c r="D304" s="16" t="s">
        <v>1239</v>
      </c>
      <c r="E304" s="16" t="s">
        <v>1238</v>
      </c>
      <c r="F304" s="16" t="s">
        <v>732</v>
      </c>
    </row>
    <row r="305" spans="1:6" ht="24" x14ac:dyDescent="0.25">
      <c r="A305" s="15" t="s">
        <v>51</v>
      </c>
      <c r="B305" s="20" t="s">
        <v>1748</v>
      </c>
      <c r="C305" s="16">
        <v>1</v>
      </c>
      <c r="D305" s="16" t="s">
        <v>1237</v>
      </c>
      <c r="E305" s="16" t="s">
        <v>1236</v>
      </c>
      <c r="F305" s="16" t="s">
        <v>732</v>
      </c>
    </row>
    <row r="306" spans="1:6" ht="24" x14ac:dyDescent="0.25">
      <c r="A306" s="15" t="s">
        <v>51</v>
      </c>
      <c r="B306" s="20" t="s">
        <v>1748</v>
      </c>
      <c r="C306" s="16" t="s">
        <v>1235</v>
      </c>
      <c r="D306" s="16" t="s">
        <v>1234</v>
      </c>
      <c r="E306" s="16" t="s">
        <v>1233</v>
      </c>
      <c r="F306" s="16" t="s">
        <v>732</v>
      </c>
    </row>
    <row r="307" spans="1:6" ht="36" x14ac:dyDescent="0.25">
      <c r="A307" s="15" t="s">
        <v>51</v>
      </c>
      <c r="B307" s="20" t="s">
        <v>1748</v>
      </c>
      <c r="C307" s="16" t="s">
        <v>154</v>
      </c>
      <c r="D307" s="16" t="s">
        <v>1232</v>
      </c>
      <c r="E307" s="16" t="s">
        <v>1231</v>
      </c>
      <c r="F307" s="16" t="s">
        <v>732</v>
      </c>
    </row>
    <row r="308" spans="1:6" x14ac:dyDescent="0.25">
      <c r="A308" s="15" t="s">
        <v>51</v>
      </c>
      <c r="B308" s="20" t="s">
        <v>1748</v>
      </c>
      <c r="C308" s="16" t="s">
        <v>468</v>
      </c>
      <c r="D308" s="16" t="s">
        <v>1230</v>
      </c>
      <c r="E308" s="16" t="s">
        <v>1229</v>
      </c>
      <c r="F308" s="16" t="s">
        <v>732</v>
      </c>
    </row>
    <row r="309" spans="1:6" x14ac:dyDescent="0.25">
      <c r="A309" s="15" t="s">
        <v>51</v>
      </c>
      <c r="B309" s="20" t="s">
        <v>1748</v>
      </c>
      <c r="C309" s="16" t="s">
        <v>380</v>
      </c>
      <c r="D309" s="16" t="s">
        <v>1228</v>
      </c>
      <c r="E309" s="16" t="s">
        <v>1228</v>
      </c>
      <c r="F309" s="16" t="s">
        <v>732</v>
      </c>
    </row>
    <row r="310" spans="1:6" x14ac:dyDescent="0.25">
      <c r="A310" s="15" t="s">
        <v>51</v>
      </c>
      <c r="B310" s="20" t="s">
        <v>1748</v>
      </c>
      <c r="C310" s="16" t="s">
        <v>384</v>
      </c>
      <c r="D310" s="16" t="s">
        <v>1227</v>
      </c>
      <c r="E310" s="16" t="s">
        <v>1227</v>
      </c>
      <c r="F310" s="16" t="s">
        <v>732</v>
      </c>
    </row>
    <row r="311" spans="1:6" ht="48" x14ac:dyDescent="0.25">
      <c r="A311" s="15" t="s">
        <v>51</v>
      </c>
      <c r="B311" s="20" t="s">
        <v>1748</v>
      </c>
      <c r="C311" s="16" t="s">
        <v>322</v>
      </c>
      <c r="D311" s="16" t="s">
        <v>321</v>
      </c>
      <c r="E311" s="16" t="s">
        <v>1226</v>
      </c>
      <c r="F311" s="16" t="s">
        <v>732</v>
      </c>
    </row>
    <row r="312" spans="1:6" ht="12.75" thickBot="1" x14ac:dyDescent="0.3">
      <c r="A312" s="22" t="s">
        <v>51</v>
      </c>
      <c r="B312" s="23" t="s">
        <v>1748</v>
      </c>
      <c r="C312" s="24" t="s">
        <v>1224</v>
      </c>
      <c r="D312" s="24" t="s">
        <v>1223</v>
      </c>
      <c r="E312" s="24" t="s">
        <v>1222</v>
      </c>
      <c r="F312" s="16" t="s">
        <v>732</v>
      </c>
    </row>
    <row r="313" spans="1:6" ht="109.5" thickTop="1" thickBot="1" x14ac:dyDescent="0.3">
      <c r="A313" s="28" t="s">
        <v>52</v>
      </c>
      <c r="B313" s="29" t="s">
        <v>1221</v>
      </c>
      <c r="C313" s="30"/>
      <c r="D313" s="30"/>
      <c r="E313" s="30"/>
      <c r="F313" s="16" t="s">
        <v>732</v>
      </c>
    </row>
    <row r="314" spans="1:6" ht="60.75" thickTop="1" x14ac:dyDescent="0.25">
      <c r="A314" s="25" t="s">
        <v>53</v>
      </c>
      <c r="B314" s="26" t="s">
        <v>1220</v>
      </c>
      <c r="C314" s="27" t="s">
        <v>358</v>
      </c>
      <c r="D314" s="27" t="s">
        <v>357</v>
      </c>
      <c r="E314" s="27" t="s">
        <v>356</v>
      </c>
      <c r="F314" s="16" t="s">
        <v>732</v>
      </c>
    </row>
    <row r="315" spans="1:6" ht="24" x14ac:dyDescent="0.25">
      <c r="A315" s="15" t="s">
        <v>53</v>
      </c>
      <c r="B315" s="20" t="s">
        <v>1748</v>
      </c>
      <c r="C315" s="16" t="s">
        <v>355</v>
      </c>
      <c r="D315" s="16" t="s">
        <v>354</v>
      </c>
      <c r="E315" s="16" t="s">
        <v>353</v>
      </c>
      <c r="F315" s="16" t="s">
        <v>732</v>
      </c>
    </row>
    <row r="316" spans="1:6" ht="36" x14ac:dyDescent="0.25">
      <c r="A316" s="15" t="s">
        <v>53</v>
      </c>
      <c r="B316" s="20" t="s">
        <v>1748</v>
      </c>
      <c r="C316" s="16" t="s">
        <v>352</v>
      </c>
      <c r="D316" s="16" t="s">
        <v>351</v>
      </c>
      <c r="E316" s="16" t="s">
        <v>350</v>
      </c>
      <c r="F316" s="16" t="s">
        <v>732</v>
      </c>
    </row>
    <row r="317" spans="1:6" ht="36" x14ac:dyDescent="0.25">
      <c r="A317" s="15" t="s">
        <v>53</v>
      </c>
      <c r="B317" s="20" t="s">
        <v>1748</v>
      </c>
      <c r="C317" s="16" t="s">
        <v>349</v>
      </c>
      <c r="D317" s="16" t="s">
        <v>348</v>
      </c>
      <c r="E317" s="16" t="s">
        <v>347</v>
      </c>
      <c r="F317" s="16" t="s">
        <v>732</v>
      </c>
    </row>
    <row r="318" spans="1:6" ht="36" x14ac:dyDescent="0.25">
      <c r="A318" s="15" t="s">
        <v>53</v>
      </c>
      <c r="B318" s="20" t="s">
        <v>1748</v>
      </c>
      <c r="C318" s="16" t="s">
        <v>346</v>
      </c>
      <c r="D318" s="16" t="s">
        <v>345</v>
      </c>
      <c r="E318" s="16" t="s">
        <v>344</v>
      </c>
      <c r="F318" s="16" t="s">
        <v>732</v>
      </c>
    </row>
    <row r="319" spans="1:6" ht="48" x14ac:dyDescent="0.25">
      <c r="A319" s="15" t="s">
        <v>53</v>
      </c>
      <c r="B319" s="20" t="s">
        <v>1748</v>
      </c>
      <c r="C319" s="16" t="s">
        <v>343</v>
      </c>
      <c r="D319" s="16" t="s">
        <v>342</v>
      </c>
      <c r="E319" s="16" t="s">
        <v>341</v>
      </c>
      <c r="F319" s="16" t="s">
        <v>732</v>
      </c>
    </row>
    <row r="320" spans="1:6" ht="24" x14ac:dyDescent="0.25">
      <c r="A320" s="15" t="s">
        <v>53</v>
      </c>
      <c r="B320" s="20" t="s">
        <v>1748</v>
      </c>
      <c r="C320" s="16" t="s">
        <v>340</v>
      </c>
      <c r="D320" s="16" t="s">
        <v>339</v>
      </c>
      <c r="E320" s="16" t="s">
        <v>338</v>
      </c>
      <c r="F320" s="16" t="s">
        <v>732</v>
      </c>
    </row>
    <row r="321" spans="1:6" ht="24" x14ac:dyDescent="0.25">
      <c r="A321" s="15" t="s">
        <v>53</v>
      </c>
      <c r="B321" s="20" t="s">
        <v>1748</v>
      </c>
      <c r="C321" s="16" t="s">
        <v>337</v>
      </c>
      <c r="D321" s="16" t="s">
        <v>336</v>
      </c>
      <c r="E321" s="16" t="s">
        <v>335</v>
      </c>
      <c r="F321" s="16" t="s">
        <v>732</v>
      </c>
    </row>
    <row r="322" spans="1:6" ht="24" x14ac:dyDescent="0.25">
      <c r="A322" s="15" t="s">
        <v>53</v>
      </c>
      <c r="B322" s="20" t="s">
        <v>1748</v>
      </c>
      <c r="C322" s="16" t="s">
        <v>334</v>
      </c>
      <c r="D322" s="16" t="s">
        <v>333</v>
      </c>
      <c r="E322" s="16" t="s">
        <v>332</v>
      </c>
      <c r="F322" s="16" t="s">
        <v>732</v>
      </c>
    </row>
    <row r="323" spans="1:6" ht="48" x14ac:dyDescent="0.25">
      <c r="A323" s="15" t="s">
        <v>53</v>
      </c>
      <c r="B323" s="20" t="s">
        <v>1748</v>
      </c>
      <c r="C323" s="16" t="s">
        <v>331</v>
      </c>
      <c r="D323" s="16" t="s">
        <v>330</v>
      </c>
      <c r="E323" s="16" t="s">
        <v>329</v>
      </c>
      <c r="F323" s="16" t="s">
        <v>732</v>
      </c>
    </row>
    <row r="324" spans="1:6" ht="24" x14ac:dyDescent="0.25">
      <c r="A324" s="15" t="s">
        <v>53</v>
      </c>
      <c r="B324" s="20" t="s">
        <v>1748</v>
      </c>
      <c r="C324" s="16" t="s">
        <v>328</v>
      </c>
      <c r="D324" s="16" t="s">
        <v>327</v>
      </c>
      <c r="E324" s="16" t="s">
        <v>326</v>
      </c>
      <c r="F324" s="16" t="s">
        <v>732</v>
      </c>
    </row>
    <row r="325" spans="1:6" ht="24" x14ac:dyDescent="0.25">
      <c r="A325" s="15" t="s">
        <v>53</v>
      </c>
      <c r="B325" s="20" t="s">
        <v>1748</v>
      </c>
      <c r="C325" s="16" t="s">
        <v>325</v>
      </c>
      <c r="D325" s="16" t="s">
        <v>324</v>
      </c>
      <c r="E325" s="16" t="s">
        <v>323</v>
      </c>
      <c r="F325" s="16" t="s">
        <v>732</v>
      </c>
    </row>
    <row r="326" spans="1:6" ht="48" x14ac:dyDescent="0.25">
      <c r="A326" s="15" t="s">
        <v>53</v>
      </c>
      <c r="B326" s="20" t="s">
        <v>1748</v>
      </c>
      <c r="C326" s="16" t="s">
        <v>322</v>
      </c>
      <c r="D326" s="16" t="s">
        <v>321</v>
      </c>
      <c r="E326" s="16" t="s">
        <v>320</v>
      </c>
      <c r="F326" s="16" t="s">
        <v>732</v>
      </c>
    </row>
    <row r="327" spans="1:6" ht="36" x14ac:dyDescent="0.25">
      <c r="A327" s="15" t="s">
        <v>53</v>
      </c>
      <c r="B327" s="20" t="s">
        <v>1748</v>
      </c>
      <c r="C327" s="16" t="s">
        <v>319</v>
      </c>
      <c r="D327" s="16" t="s">
        <v>318</v>
      </c>
      <c r="E327" s="16" t="s">
        <v>317</v>
      </c>
      <c r="F327" s="16" t="s">
        <v>732</v>
      </c>
    </row>
    <row r="328" spans="1:6" x14ac:dyDescent="0.25">
      <c r="A328" s="15" t="s">
        <v>53</v>
      </c>
      <c r="B328" s="20" t="s">
        <v>1748</v>
      </c>
      <c r="C328" s="16" t="s">
        <v>316</v>
      </c>
      <c r="D328" s="16" t="s">
        <v>315</v>
      </c>
      <c r="E328" s="16"/>
      <c r="F328" s="16" t="s">
        <v>732</v>
      </c>
    </row>
    <row r="329" spans="1:6" x14ac:dyDescent="0.25">
      <c r="A329" s="15" t="s">
        <v>53</v>
      </c>
      <c r="B329" s="20" t="s">
        <v>1748</v>
      </c>
      <c r="C329" s="16" t="s">
        <v>314</v>
      </c>
      <c r="D329" s="16" t="s">
        <v>313</v>
      </c>
      <c r="E329" s="16" t="s">
        <v>312</v>
      </c>
      <c r="F329" s="16" t="s">
        <v>732</v>
      </c>
    </row>
    <row r="330" spans="1:6" ht="48" x14ac:dyDescent="0.25">
      <c r="A330" s="15" t="s">
        <v>53</v>
      </c>
      <c r="B330" s="20" t="s">
        <v>1748</v>
      </c>
      <c r="C330" s="16" t="s">
        <v>311</v>
      </c>
      <c r="D330" s="16" t="s">
        <v>310</v>
      </c>
      <c r="E330" s="16" t="s">
        <v>309</v>
      </c>
      <c r="F330" s="16" t="s">
        <v>732</v>
      </c>
    </row>
    <row r="331" spans="1:6" ht="36" x14ac:dyDescent="0.25">
      <c r="A331" s="15" t="s">
        <v>53</v>
      </c>
      <c r="B331" s="20" t="s">
        <v>1748</v>
      </c>
      <c r="C331" s="16" t="s">
        <v>308</v>
      </c>
      <c r="D331" s="16" t="s">
        <v>307</v>
      </c>
      <c r="E331" s="16" t="s">
        <v>306</v>
      </c>
      <c r="F331" s="16" t="s">
        <v>732</v>
      </c>
    </row>
    <row r="332" spans="1:6" ht="24" x14ac:dyDescent="0.25">
      <c r="A332" s="15" t="s">
        <v>53</v>
      </c>
      <c r="B332" s="20" t="s">
        <v>1748</v>
      </c>
      <c r="C332" s="16" t="s">
        <v>305</v>
      </c>
      <c r="D332" s="16" t="s">
        <v>304</v>
      </c>
      <c r="E332" s="16" t="s">
        <v>303</v>
      </c>
      <c r="F332" s="16" t="s">
        <v>732</v>
      </c>
    </row>
    <row r="333" spans="1:6" ht="36" x14ac:dyDescent="0.25">
      <c r="A333" s="15" t="s">
        <v>53</v>
      </c>
      <c r="B333" s="20" t="s">
        <v>1748</v>
      </c>
      <c r="C333" s="16" t="s">
        <v>302</v>
      </c>
      <c r="D333" s="16" t="s">
        <v>301</v>
      </c>
      <c r="E333" s="16" t="s">
        <v>300</v>
      </c>
      <c r="F333" s="16" t="s">
        <v>732</v>
      </c>
    </row>
    <row r="334" spans="1:6" x14ac:dyDescent="0.25">
      <c r="A334" s="15" t="s">
        <v>53</v>
      </c>
      <c r="B334" s="20" t="s">
        <v>1748</v>
      </c>
      <c r="C334" s="16" t="s">
        <v>299</v>
      </c>
      <c r="D334" s="16" t="s">
        <v>298</v>
      </c>
      <c r="E334" s="16" t="s">
        <v>298</v>
      </c>
      <c r="F334" s="16" t="s">
        <v>732</v>
      </c>
    </row>
    <row r="335" spans="1:6" ht="48" x14ac:dyDescent="0.25">
      <c r="A335" s="15" t="s">
        <v>53</v>
      </c>
      <c r="B335" s="20" t="s">
        <v>1748</v>
      </c>
      <c r="C335" s="16" t="s">
        <v>297</v>
      </c>
      <c r="D335" s="16" t="s">
        <v>296</v>
      </c>
      <c r="E335" s="16" t="s">
        <v>295</v>
      </c>
      <c r="F335" s="16" t="s">
        <v>732</v>
      </c>
    </row>
    <row r="336" spans="1:6" ht="36" x14ac:dyDescent="0.25">
      <c r="A336" s="15" t="s">
        <v>53</v>
      </c>
      <c r="B336" s="20" t="s">
        <v>1748</v>
      </c>
      <c r="C336" s="16" t="s">
        <v>294</v>
      </c>
      <c r="D336" s="16" t="s">
        <v>293</v>
      </c>
      <c r="E336" s="16" t="s">
        <v>292</v>
      </c>
      <c r="F336" s="16" t="s">
        <v>732</v>
      </c>
    </row>
    <row r="337" spans="1:6" x14ac:dyDescent="0.25">
      <c r="A337" s="15" t="s">
        <v>53</v>
      </c>
      <c r="B337" s="20" t="s">
        <v>1748</v>
      </c>
      <c r="C337" s="16" t="s">
        <v>291</v>
      </c>
      <c r="D337" s="16" t="s">
        <v>290</v>
      </c>
      <c r="E337" s="16" t="s">
        <v>289</v>
      </c>
      <c r="F337" s="16" t="s">
        <v>732</v>
      </c>
    </row>
    <row r="338" spans="1:6" ht="24" x14ac:dyDescent="0.25">
      <c r="A338" s="15" t="s">
        <v>53</v>
      </c>
      <c r="B338" s="20" t="s">
        <v>1748</v>
      </c>
      <c r="C338" s="16" t="s">
        <v>288</v>
      </c>
      <c r="D338" s="16" t="s">
        <v>287</v>
      </c>
      <c r="E338" s="16" t="s">
        <v>286</v>
      </c>
      <c r="F338" s="16" t="s">
        <v>732</v>
      </c>
    </row>
    <row r="339" spans="1:6" ht="48" x14ac:dyDescent="0.25">
      <c r="A339" s="15" t="s">
        <v>53</v>
      </c>
      <c r="B339" s="20" t="s">
        <v>1748</v>
      </c>
      <c r="C339" s="16" t="s">
        <v>285</v>
      </c>
      <c r="D339" s="16" t="s">
        <v>284</v>
      </c>
      <c r="E339" s="16" t="s">
        <v>283</v>
      </c>
      <c r="F339" s="16" t="s">
        <v>732</v>
      </c>
    </row>
    <row r="340" spans="1:6" ht="60" x14ac:dyDescent="0.25">
      <c r="A340" s="15" t="s">
        <v>53</v>
      </c>
      <c r="B340" s="20" t="s">
        <v>1748</v>
      </c>
      <c r="C340" s="16" t="s">
        <v>282</v>
      </c>
      <c r="D340" s="16" t="s">
        <v>281</v>
      </c>
      <c r="E340" s="16" t="s">
        <v>280</v>
      </c>
      <c r="F340" s="16" t="s">
        <v>732</v>
      </c>
    </row>
    <row r="341" spans="1:6" ht="24" x14ac:dyDescent="0.25">
      <c r="A341" s="15" t="s">
        <v>53</v>
      </c>
      <c r="B341" s="20" t="s">
        <v>1748</v>
      </c>
      <c r="C341" s="16" t="s">
        <v>279</v>
      </c>
      <c r="D341" s="16" t="s">
        <v>278</v>
      </c>
      <c r="E341" s="16" t="s">
        <v>277</v>
      </c>
      <c r="F341" s="16" t="s">
        <v>732</v>
      </c>
    </row>
    <row r="342" spans="1:6" ht="24" x14ac:dyDescent="0.25">
      <c r="A342" s="15" t="s">
        <v>53</v>
      </c>
      <c r="B342" s="20" t="s">
        <v>1748</v>
      </c>
      <c r="C342" s="16" t="s">
        <v>276</v>
      </c>
      <c r="D342" s="16" t="s">
        <v>275</v>
      </c>
      <c r="E342" s="16" t="s">
        <v>274</v>
      </c>
      <c r="F342" s="16" t="s">
        <v>732</v>
      </c>
    </row>
    <row r="343" spans="1:6" x14ac:dyDescent="0.25">
      <c r="A343" s="15" t="s">
        <v>53</v>
      </c>
      <c r="B343" s="20" t="s">
        <v>1748</v>
      </c>
      <c r="C343" s="16" t="s">
        <v>273</v>
      </c>
      <c r="D343" s="16" t="s">
        <v>272</v>
      </c>
      <c r="E343" s="16" t="s">
        <v>271</v>
      </c>
      <c r="F343" s="16" t="s">
        <v>732</v>
      </c>
    </row>
    <row r="344" spans="1:6" ht="48" x14ac:dyDescent="0.25">
      <c r="A344" s="15" t="s">
        <v>53</v>
      </c>
      <c r="B344" s="20" t="s">
        <v>1748</v>
      </c>
      <c r="C344" s="16" t="s">
        <v>270</v>
      </c>
      <c r="D344" s="16" t="s">
        <v>269</v>
      </c>
      <c r="E344" s="16" t="s">
        <v>268</v>
      </c>
      <c r="F344" s="16" t="s">
        <v>732</v>
      </c>
    </row>
    <row r="345" spans="1:6" ht="36" x14ac:dyDescent="0.25">
      <c r="A345" s="15" t="s">
        <v>53</v>
      </c>
      <c r="B345" s="20" t="s">
        <v>1748</v>
      </c>
      <c r="C345" s="16" t="s">
        <v>267</v>
      </c>
      <c r="D345" s="16" t="s">
        <v>266</v>
      </c>
      <c r="E345" s="16" t="s">
        <v>265</v>
      </c>
      <c r="F345" s="16" t="s">
        <v>732</v>
      </c>
    </row>
    <row r="346" spans="1:6" ht="24" x14ac:dyDescent="0.25">
      <c r="A346" s="15" t="s">
        <v>53</v>
      </c>
      <c r="B346" s="20" t="s">
        <v>1748</v>
      </c>
      <c r="C346" s="16" t="s">
        <v>131</v>
      </c>
      <c r="D346" s="16" t="s">
        <v>264</v>
      </c>
      <c r="E346" s="16" t="s">
        <v>263</v>
      </c>
      <c r="F346" s="16" t="s">
        <v>732</v>
      </c>
    </row>
    <row r="347" spans="1:6" ht="24" x14ac:dyDescent="0.25">
      <c r="A347" s="15" t="s">
        <v>53</v>
      </c>
      <c r="B347" s="20" t="s">
        <v>1748</v>
      </c>
      <c r="C347" s="16" t="s">
        <v>262</v>
      </c>
      <c r="D347" s="16" t="s">
        <v>261</v>
      </c>
      <c r="E347" s="16" t="s">
        <v>260</v>
      </c>
      <c r="F347" s="16" t="s">
        <v>732</v>
      </c>
    </row>
    <row r="348" spans="1:6" ht="36" x14ac:dyDescent="0.25">
      <c r="A348" s="15" t="s">
        <v>53</v>
      </c>
      <c r="B348" s="20" t="s">
        <v>1748</v>
      </c>
      <c r="C348" s="16" t="s">
        <v>259</v>
      </c>
      <c r="D348" s="16" t="s">
        <v>258</v>
      </c>
      <c r="E348" s="16" t="s">
        <v>257</v>
      </c>
      <c r="F348" s="16" t="s">
        <v>732</v>
      </c>
    </row>
    <row r="349" spans="1:6" ht="36" x14ac:dyDescent="0.25">
      <c r="A349" s="15" t="s">
        <v>53</v>
      </c>
      <c r="B349" s="20" t="s">
        <v>1748</v>
      </c>
      <c r="C349" s="16" t="s">
        <v>256</v>
      </c>
      <c r="D349" s="16" t="s">
        <v>255</v>
      </c>
      <c r="E349" s="16" t="s">
        <v>254</v>
      </c>
      <c r="F349" s="16" t="s">
        <v>732</v>
      </c>
    </row>
    <row r="350" spans="1:6" ht="72" x14ac:dyDescent="0.25">
      <c r="A350" s="15" t="s">
        <v>53</v>
      </c>
      <c r="B350" s="20" t="s">
        <v>1748</v>
      </c>
      <c r="C350" s="16" t="s">
        <v>253</v>
      </c>
      <c r="D350" s="16" t="s">
        <v>252</v>
      </c>
      <c r="E350" s="16" t="s">
        <v>251</v>
      </c>
      <c r="F350" s="16" t="s">
        <v>732</v>
      </c>
    </row>
    <row r="351" spans="1:6" ht="60" x14ac:dyDescent="0.25">
      <c r="A351" s="15" t="s">
        <v>53</v>
      </c>
      <c r="B351" s="20" t="s">
        <v>1748</v>
      </c>
      <c r="C351" s="16" t="s">
        <v>250</v>
      </c>
      <c r="D351" s="16" t="s">
        <v>249</v>
      </c>
      <c r="E351" s="16" t="s">
        <v>248</v>
      </c>
      <c r="F351" s="16" t="s">
        <v>732</v>
      </c>
    </row>
    <row r="352" spans="1:6" ht="60" x14ac:dyDescent="0.25">
      <c r="A352" s="15" t="s">
        <v>53</v>
      </c>
      <c r="B352" s="20" t="s">
        <v>1748</v>
      </c>
      <c r="C352" s="16" t="s">
        <v>247</v>
      </c>
      <c r="D352" s="16" t="s">
        <v>246</v>
      </c>
      <c r="E352" s="16" t="s">
        <v>245</v>
      </c>
      <c r="F352" s="16" t="s">
        <v>732</v>
      </c>
    </row>
    <row r="353" spans="1:6" ht="36" x14ac:dyDescent="0.25">
      <c r="A353" s="15" t="s">
        <v>53</v>
      </c>
      <c r="B353" s="20" t="s">
        <v>1748</v>
      </c>
      <c r="C353" s="16" t="s">
        <v>244</v>
      </c>
      <c r="D353" s="16" t="s">
        <v>243</v>
      </c>
      <c r="E353" s="16" t="s">
        <v>242</v>
      </c>
      <c r="F353" s="16" t="s">
        <v>732</v>
      </c>
    </row>
    <row r="354" spans="1:6" ht="48" x14ac:dyDescent="0.25">
      <c r="A354" s="15" t="s">
        <v>53</v>
      </c>
      <c r="B354" s="20" t="s">
        <v>1748</v>
      </c>
      <c r="C354" s="16" t="s">
        <v>241</v>
      </c>
      <c r="D354" s="16" t="s">
        <v>240</v>
      </c>
      <c r="E354" s="16" t="s">
        <v>239</v>
      </c>
      <c r="F354" s="16" t="s">
        <v>732</v>
      </c>
    </row>
    <row r="355" spans="1:6" ht="48" x14ac:dyDescent="0.25">
      <c r="A355" s="15" t="s">
        <v>53</v>
      </c>
      <c r="B355" s="20" t="s">
        <v>1748</v>
      </c>
      <c r="C355" s="16" t="s">
        <v>238</v>
      </c>
      <c r="D355" s="16" t="s">
        <v>237</v>
      </c>
      <c r="E355" s="16" t="s">
        <v>236</v>
      </c>
      <c r="F355" s="16" t="s">
        <v>732</v>
      </c>
    </row>
    <row r="356" spans="1:6" ht="36" x14ac:dyDescent="0.25">
      <c r="A356" s="15" t="s">
        <v>53</v>
      </c>
      <c r="B356" s="20" t="s">
        <v>1748</v>
      </c>
      <c r="C356" s="16" t="s">
        <v>235</v>
      </c>
      <c r="D356" s="16" t="s">
        <v>234</v>
      </c>
      <c r="E356" s="16" t="s">
        <v>233</v>
      </c>
      <c r="F356" s="16" t="s">
        <v>732</v>
      </c>
    </row>
    <row r="357" spans="1:6" x14ac:dyDescent="0.25">
      <c r="A357" s="15" t="s">
        <v>53</v>
      </c>
      <c r="B357" s="20" t="s">
        <v>1748</v>
      </c>
      <c r="C357" s="16" t="s">
        <v>232</v>
      </c>
      <c r="D357" s="16" t="s">
        <v>231</v>
      </c>
      <c r="E357" s="16" t="s">
        <v>230</v>
      </c>
      <c r="F357" s="16" t="s">
        <v>732</v>
      </c>
    </row>
    <row r="358" spans="1:6" ht="24" x14ac:dyDescent="0.25">
      <c r="A358" s="15" t="s">
        <v>53</v>
      </c>
      <c r="B358" s="20" t="s">
        <v>1748</v>
      </c>
      <c r="C358" s="16" t="s">
        <v>229</v>
      </c>
      <c r="D358" s="16" t="s">
        <v>228</v>
      </c>
      <c r="E358" s="16" t="s">
        <v>227</v>
      </c>
      <c r="F358" s="16" t="s">
        <v>732</v>
      </c>
    </row>
    <row r="359" spans="1:6" ht="24" x14ac:dyDescent="0.25">
      <c r="A359" s="15" t="s">
        <v>53</v>
      </c>
      <c r="B359" s="20" t="s">
        <v>1748</v>
      </c>
      <c r="C359" s="16" t="s">
        <v>226</v>
      </c>
      <c r="D359" s="16" t="s">
        <v>225</v>
      </c>
      <c r="E359" s="16" t="s">
        <v>224</v>
      </c>
      <c r="F359" s="16" t="s">
        <v>732</v>
      </c>
    </row>
    <row r="360" spans="1:6" ht="36" x14ac:dyDescent="0.25">
      <c r="A360" s="15" t="s">
        <v>53</v>
      </c>
      <c r="B360" s="20" t="s">
        <v>1748</v>
      </c>
      <c r="C360" s="16" t="s">
        <v>223</v>
      </c>
      <c r="D360" s="16" t="s">
        <v>222</v>
      </c>
      <c r="E360" s="16" t="s">
        <v>221</v>
      </c>
      <c r="F360" s="16" t="s">
        <v>732</v>
      </c>
    </row>
    <row r="361" spans="1:6" ht="12.75" thickBot="1" x14ac:dyDescent="0.3">
      <c r="A361" s="22" t="s">
        <v>53</v>
      </c>
      <c r="B361" s="23" t="s">
        <v>1748</v>
      </c>
      <c r="C361" s="24" t="s">
        <v>219</v>
      </c>
      <c r="D361" s="24" t="s">
        <v>218</v>
      </c>
      <c r="E361" s="24" t="s">
        <v>218</v>
      </c>
      <c r="F361" s="16" t="s">
        <v>732</v>
      </c>
    </row>
    <row r="362" spans="1:6" ht="36.75" thickTop="1" x14ac:dyDescent="0.25">
      <c r="A362" s="25" t="s">
        <v>54</v>
      </c>
      <c r="B362" s="26" t="s">
        <v>198</v>
      </c>
      <c r="C362" s="27" t="s">
        <v>137</v>
      </c>
      <c r="D362" s="27" t="s">
        <v>217</v>
      </c>
      <c r="E362" s="27" t="s">
        <v>216</v>
      </c>
      <c r="F362" s="16" t="s">
        <v>732</v>
      </c>
    </row>
    <row r="363" spans="1:6" x14ac:dyDescent="0.25">
      <c r="A363" s="15" t="s">
        <v>54</v>
      </c>
      <c r="B363" s="20" t="s">
        <v>1748</v>
      </c>
      <c r="C363" s="16" t="s">
        <v>215</v>
      </c>
      <c r="D363" s="16" t="s">
        <v>214</v>
      </c>
      <c r="E363" s="16" t="s">
        <v>213</v>
      </c>
      <c r="F363" s="16" t="s">
        <v>732</v>
      </c>
    </row>
    <row r="364" spans="1:6" x14ac:dyDescent="0.25">
      <c r="A364" s="15" t="s">
        <v>54</v>
      </c>
      <c r="B364" s="20" t="s">
        <v>1748</v>
      </c>
      <c r="C364" s="16" t="s">
        <v>152</v>
      </c>
      <c r="D364" s="16" t="s">
        <v>212</v>
      </c>
      <c r="E364" s="16" t="s">
        <v>211</v>
      </c>
      <c r="F364" s="16" t="s">
        <v>732</v>
      </c>
    </row>
    <row r="365" spans="1:6" ht="24" x14ac:dyDescent="0.25">
      <c r="A365" s="15" t="s">
        <v>54</v>
      </c>
      <c r="B365" s="20" t="s">
        <v>1748</v>
      </c>
      <c r="C365" s="16" t="s">
        <v>210</v>
      </c>
      <c r="D365" s="16" t="s">
        <v>209</v>
      </c>
      <c r="E365" s="16" t="s">
        <v>208</v>
      </c>
      <c r="F365" s="16" t="s">
        <v>732</v>
      </c>
    </row>
    <row r="366" spans="1:6" x14ac:dyDescent="0.25">
      <c r="A366" s="15" t="s">
        <v>54</v>
      </c>
      <c r="B366" s="20" t="s">
        <v>1748</v>
      </c>
      <c r="C366" s="16" t="s">
        <v>207</v>
      </c>
      <c r="D366" s="16" t="s">
        <v>206</v>
      </c>
      <c r="E366" s="16" t="s">
        <v>205</v>
      </c>
      <c r="F366" s="16" t="s">
        <v>732</v>
      </c>
    </row>
    <row r="367" spans="1:6" x14ac:dyDescent="0.25">
      <c r="A367" s="15" t="s">
        <v>54</v>
      </c>
      <c r="B367" s="20" t="s">
        <v>1748</v>
      </c>
      <c r="C367" s="16" t="s">
        <v>204</v>
      </c>
      <c r="D367" s="16" t="s">
        <v>203</v>
      </c>
      <c r="E367" s="16" t="s">
        <v>202</v>
      </c>
      <c r="F367" s="16" t="s">
        <v>732</v>
      </c>
    </row>
    <row r="368" spans="1:6" x14ac:dyDescent="0.25">
      <c r="A368" s="15" t="s">
        <v>54</v>
      </c>
      <c r="B368" s="20" t="s">
        <v>1748</v>
      </c>
      <c r="C368" s="16" t="s">
        <v>201</v>
      </c>
      <c r="D368" s="16" t="s">
        <v>200</v>
      </c>
      <c r="E368" s="16" t="s">
        <v>199</v>
      </c>
      <c r="F368" s="16" t="s">
        <v>732</v>
      </c>
    </row>
    <row r="369" spans="1:6" ht="12.75" thickBot="1" x14ac:dyDescent="0.3">
      <c r="A369" s="22" t="s">
        <v>54</v>
      </c>
      <c r="B369" s="23" t="s">
        <v>1748</v>
      </c>
      <c r="C369" s="24" t="s">
        <v>197</v>
      </c>
      <c r="D369" s="24" t="s">
        <v>196</v>
      </c>
      <c r="E369" s="24" t="s">
        <v>195</v>
      </c>
      <c r="F369" s="16" t="s">
        <v>732</v>
      </c>
    </row>
    <row r="370" spans="1:6" ht="24.75" thickTop="1" x14ac:dyDescent="0.25">
      <c r="A370" s="36" t="s">
        <v>1751</v>
      </c>
      <c r="B370" s="37" t="s">
        <v>1752</v>
      </c>
      <c r="C370" s="37" t="s">
        <v>210</v>
      </c>
      <c r="D370" s="37" t="s">
        <v>755</v>
      </c>
      <c r="E370" s="37"/>
      <c r="F370" s="35" t="s">
        <v>732</v>
      </c>
    </row>
    <row r="371" spans="1:6" x14ac:dyDescent="0.25">
      <c r="A371" s="38" t="s">
        <v>1751</v>
      </c>
      <c r="B371" s="35" t="s">
        <v>1748</v>
      </c>
      <c r="C371" s="35" t="s">
        <v>154</v>
      </c>
      <c r="D371" s="35" t="s">
        <v>754</v>
      </c>
      <c r="E371" s="35"/>
      <c r="F371" s="35" t="s">
        <v>732</v>
      </c>
    </row>
    <row r="372" spans="1:6" x14ac:dyDescent="0.25">
      <c r="A372" s="38" t="s">
        <v>1751</v>
      </c>
      <c r="B372" s="35" t="s">
        <v>1748</v>
      </c>
      <c r="C372" s="35" t="s">
        <v>753</v>
      </c>
      <c r="D372" s="35" t="s">
        <v>669</v>
      </c>
      <c r="E372" s="35"/>
      <c r="F372" s="35" t="s">
        <v>732</v>
      </c>
    </row>
    <row r="373" spans="1:6" ht="12.75" thickBot="1" x14ac:dyDescent="0.3">
      <c r="A373" s="39" t="s">
        <v>1751</v>
      </c>
      <c r="B373" s="40" t="s">
        <v>1748</v>
      </c>
      <c r="C373" s="40" t="s">
        <v>751</v>
      </c>
      <c r="D373" s="40" t="s">
        <v>750</v>
      </c>
      <c r="E373" s="40"/>
      <c r="F373" s="35" t="s">
        <v>732</v>
      </c>
    </row>
    <row r="374" spans="1:6" ht="109.5" thickTop="1" thickBot="1" x14ac:dyDescent="0.3">
      <c r="A374" s="28" t="s">
        <v>55</v>
      </c>
      <c r="B374" s="29" t="s">
        <v>1750</v>
      </c>
      <c r="C374" s="30"/>
      <c r="D374" s="30"/>
      <c r="E374" s="30"/>
      <c r="F374" s="16" t="s">
        <v>732</v>
      </c>
    </row>
    <row r="375" spans="1:6" ht="36.75" thickTop="1" x14ac:dyDescent="0.25">
      <c r="A375" s="25" t="s">
        <v>56</v>
      </c>
      <c r="B375" s="26" t="s">
        <v>1168</v>
      </c>
      <c r="C375" s="27" t="s">
        <v>1219</v>
      </c>
      <c r="D375" s="27" t="s">
        <v>1218</v>
      </c>
      <c r="E375" s="27"/>
      <c r="F375" s="16" t="s">
        <v>732</v>
      </c>
    </row>
    <row r="376" spans="1:6" ht="48" x14ac:dyDescent="0.25">
      <c r="A376" s="15" t="s">
        <v>56</v>
      </c>
      <c r="B376" s="20" t="s">
        <v>1748</v>
      </c>
      <c r="C376" s="16" t="s">
        <v>1217</v>
      </c>
      <c r="D376" s="16" t="s">
        <v>1216</v>
      </c>
      <c r="E376" s="16"/>
      <c r="F376" s="16" t="s">
        <v>732</v>
      </c>
    </row>
    <row r="377" spans="1:6" ht="24" x14ac:dyDescent="0.25">
      <c r="A377" s="15" t="s">
        <v>56</v>
      </c>
      <c r="B377" s="20" t="s">
        <v>1748</v>
      </c>
      <c r="C377" s="16" t="s">
        <v>1215</v>
      </c>
      <c r="D377" s="16" t="s">
        <v>1214</v>
      </c>
      <c r="E377" s="16"/>
      <c r="F377" s="16" t="s">
        <v>732</v>
      </c>
    </row>
    <row r="378" spans="1:6" ht="24" x14ac:dyDescent="0.25">
      <c r="A378" s="15" t="s">
        <v>56</v>
      </c>
      <c r="B378" s="20" t="s">
        <v>1748</v>
      </c>
      <c r="C378" s="16" t="s">
        <v>1213</v>
      </c>
      <c r="D378" s="16" t="s">
        <v>1212</v>
      </c>
      <c r="E378" s="16"/>
      <c r="F378" s="16" t="s">
        <v>732</v>
      </c>
    </row>
    <row r="379" spans="1:6" ht="24" x14ac:dyDescent="0.25">
      <c r="A379" s="15" t="s">
        <v>56</v>
      </c>
      <c r="B379" s="20" t="s">
        <v>1748</v>
      </c>
      <c r="C379" s="16" t="s">
        <v>1211</v>
      </c>
      <c r="D379" s="16" t="s">
        <v>1210</v>
      </c>
      <c r="E379" s="16"/>
      <c r="F379" s="16" t="s">
        <v>732</v>
      </c>
    </row>
    <row r="380" spans="1:6" ht="24" x14ac:dyDescent="0.25">
      <c r="A380" s="15" t="s">
        <v>56</v>
      </c>
      <c r="B380" s="20" t="s">
        <v>1748</v>
      </c>
      <c r="C380" s="16" t="s">
        <v>1209</v>
      </c>
      <c r="D380" s="16" t="s">
        <v>1208</v>
      </c>
      <c r="E380" s="16"/>
      <c r="F380" s="16" t="s">
        <v>732</v>
      </c>
    </row>
    <row r="381" spans="1:6" ht="24" x14ac:dyDescent="0.25">
      <c r="A381" s="15" t="s">
        <v>56</v>
      </c>
      <c r="B381" s="20" t="s">
        <v>1748</v>
      </c>
      <c r="C381" s="16" t="s">
        <v>1207</v>
      </c>
      <c r="D381" s="16" t="s">
        <v>1206</v>
      </c>
      <c r="E381" s="16"/>
      <c r="F381" s="16" t="s">
        <v>732</v>
      </c>
    </row>
    <row r="382" spans="1:6" ht="24" x14ac:dyDescent="0.25">
      <c r="A382" s="15" t="s">
        <v>56</v>
      </c>
      <c r="B382" s="20" t="s">
        <v>1748</v>
      </c>
      <c r="C382" s="16" t="s">
        <v>1205</v>
      </c>
      <c r="D382" s="16" t="s">
        <v>1204</v>
      </c>
      <c r="E382" s="16"/>
      <c r="F382" s="16" t="s">
        <v>732</v>
      </c>
    </row>
    <row r="383" spans="1:6" ht="24" x14ac:dyDescent="0.25">
      <c r="A383" s="15" t="s">
        <v>56</v>
      </c>
      <c r="B383" s="20" t="s">
        <v>1748</v>
      </c>
      <c r="C383" s="16" t="s">
        <v>1203</v>
      </c>
      <c r="D383" s="16" t="s">
        <v>1202</v>
      </c>
      <c r="E383" s="16"/>
      <c r="F383" s="16" t="s">
        <v>732</v>
      </c>
    </row>
    <row r="384" spans="1:6" ht="36" x14ac:dyDescent="0.25">
      <c r="A384" s="15" t="s">
        <v>56</v>
      </c>
      <c r="B384" s="20" t="s">
        <v>1748</v>
      </c>
      <c r="C384" s="16" t="s">
        <v>1201</v>
      </c>
      <c r="D384" s="16" t="s">
        <v>1200</v>
      </c>
      <c r="E384" s="16"/>
      <c r="F384" s="16" t="s">
        <v>732</v>
      </c>
    </row>
    <row r="385" spans="1:6" ht="24" x14ac:dyDescent="0.25">
      <c r="A385" s="15" t="s">
        <v>56</v>
      </c>
      <c r="B385" s="20" t="s">
        <v>1748</v>
      </c>
      <c r="C385" s="16" t="s">
        <v>1199</v>
      </c>
      <c r="D385" s="16" t="s">
        <v>1198</v>
      </c>
      <c r="E385" s="16"/>
      <c r="F385" s="16" t="s">
        <v>732</v>
      </c>
    </row>
    <row r="386" spans="1:6" ht="24" x14ac:dyDescent="0.25">
      <c r="A386" s="15" t="s">
        <v>56</v>
      </c>
      <c r="B386" s="20" t="s">
        <v>1748</v>
      </c>
      <c r="C386" s="16" t="s">
        <v>1197</v>
      </c>
      <c r="D386" s="16" t="s">
        <v>1196</v>
      </c>
      <c r="E386" s="16"/>
      <c r="F386" s="16" t="s">
        <v>732</v>
      </c>
    </row>
    <row r="387" spans="1:6" ht="24" x14ac:dyDescent="0.25">
      <c r="A387" s="15" t="s">
        <v>56</v>
      </c>
      <c r="B387" s="20" t="s">
        <v>1748</v>
      </c>
      <c r="C387" s="16" t="s">
        <v>1195</v>
      </c>
      <c r="D387" s="16" t="s">
        <v>1194</v>
      </c>
      <c r="E387" s="16"/>
      <c r="F387" s="16" t="s">
        <v>732</v>
      </c>
    </row>
    <row r="388" spans="1:6" ht="24" x14ac:dyDescent="0.25">
      <c r="A388" s="15" t="s">
        <v>56</v>
      </c>
      <c r="B388" s="20" t="s">
        <v>1748</v>
      </c>
      <c r="C388" s="16" t="s">
        <v>1193</v>
      </c>
      <c r="D388" s="16" t="s">
        <v>1192</v>
      </c>
      <c r="E388" s="16"/>
      <c r="F388" s="16" t="s">
        <v>732</v>
      </c>
    </row>
    <row r="389" spans="1:6" ht="36" x14ac:dyDescent="0.25">
      <c r="A389" s="15" t="s">
        <v>56</v>
      </c>
      <c r="B389" s="20" t="s">
        <v>1748</v>
      </c>
      <c r="C389" s="16" t="s">
        <v>1191</v>
      </c>
      <c r="D389" s="16" t="s">
        <v>1190</v>
      </c>
      <c r="E389" s="16"/>
      <c r="F389" s="16" t="s">
        <v>732</v>
      </c>
    </row>
    <row r="390" spans="1:6" ht="48" x14ac:dyDescent="0.25">
      <c r="A390" s="15" t="s">
        <v>56</v>
      </c>
      <c r="B390" s="20" t="s">
        <v>1748</v>
      </c>
      <c r="C390" s="16" t="s">
        <v>1189</v>
      </c>
      <c r="D390" s="16" t="s">
        <v>1188</v>
      </c>
      <c r="E390" s="16"/>
      <c r="F390" s="16" t="s">
        <v>732</v>
      </c>
    </row>
    <row r="391" spans="1:6" ht="48" x14ac:dyDescent="0.25">
      <c r="A391" s="15" t="s">
        <v>56</v>
      </c>
      <c r="B391" s="20" t="s">
        <v>1748</v>
      </c>
      <c r="C391" s="16" t="s">
        <v>1187</v>
      </c>
      <c r="D391" s="16" t="s">
        <v>1186</v>
      </c>
      <c r="E391" s="16"/>
      <c r="F391" s="16" t="s">
        <v>732</v>
      </c>
    </row>
    <row r="392" spans="1:6" ht="24" x14ac:dyDescent="0.25">
      <c r="A392" s="15" t="s">
        <v>56</v>
      </c>
      <c r="B392" s="20" t="s">
        <v>1748</v>
      </c>
      <c r="C392" s="16" t="s">
        <v>1185</v>
      </c>
      <c r="D392" s="16" t="s">
        <v>1184</v>
      </c>
      <c r="E392" s="16"/>
      <c r="F392" s="16" t="s">
        <v>732</v>
      </c>
    </row>
    <row r="393" spans="1:6" ht="36" x14ac:dyDescent="0.25">
      <c r="A393" s="15" t="s">
        <v>56</v>
      </c>
      <c r="B393" s="20" t="s">
        <v>1748</v>
      </c>
      <c r="C393" s="16" t="s">
        <v>1183</v>
      </c>
      <c r="D393" s="16" t="s">
        <v>1182</v>
      </c>
      <c r="E393" s="16"/>
      <c r="F393" s="16" t="s">
        <v>732</v>
      </c>
    </row>
    <row r="394" spans="1:6" ht="36" x14ac:dyDescent="0.25">
      <c r="A394" s="15" t="s">
        <v>56</v>
      </c>
      <c r="B394" s="20" t="s">
        <v>1748</v>
      </c>
      <c r="C394" s="16" t="s">
        <v>1181</v>
      </c>
      <c r="D394" s="16" t="s">
        <v>1180</v>
      </c>
      <c r="E394" s="16"/>
      <c r="F394" s="16" t="s">
        <v>732</v>
      </c>
    </row>
    <row r="395" spans="1:6" ht="48" x14ac:dyDescent="0.25">
      <c r="A395" s="15" t="s">
        <v>56</v>
      </c>
      <c r="B395" s="20" t="s">
        <v>1748</v>
      </c>
      <c r="C395" s="16" t="s">
        <v>1179</v>
      </c>
      <c r="D395" s="16" t="s">
        <v>1178</v>
      </c>
      <c r="E395" s="16"/>
      <c r="F395" s="16" t="s">
        <v>732</v>
      </c>
    </row>
    <row r="396" spans="1:6" ht="24" x14ac:dyDescent="0.25">
      <c r="A396" s="15" t="s">
        <v>56</v>
      </c>
      <c r="B396" s="20" t="s">
        <v>1748</v>
      </c>
      <c r="C396" s="16" t="s">
        <v>129</v>
      </c>
      <c r="D396" s="16" t="s">
        <v>1177</v>
      </c>
      <c r="E396" s="16"/>
      <c r="F396" s="16" t="s">
        <v>732</v>
      </c>
    </row>
    <row r="397" spans="1:6" ht="24" x14ac:dyDescent="0.25">
      <c r="A397" s="15" t="s">
        <v>56</v>
      </c>
      <c r="B397" s="20" t="s">
        <v>1748</v>
      </c>
      <c r="C397" s="16" t="s">
        <v>1176</v>
      </c>
      <c r="D397" s="16" t="s">
        <v>1175</v>
      </c>
      <c r="E397" s="16"/>
      <c r="F397" s="16" t="s">
        <v>732</v>
      </c>
    </row>
    <row r="398" spans="1:6" ht="24" x14ac:dyDescent="0.25">
      <c r="A398" s="15" t="s">
        <v>56</v>
      </c>
      <c r="B398" s="20" t="s">
        <v>1748</v>
      </c>
      <c r="C398" s="16" t="s">
        <v>1174</v>
      </c>
      <c r="D398" s="16" t="s">
        <v>1173</v>
      </c>
      <c r="E398" s="16"/>
      <c r="F398" s="16" t="s">
        <v>732</v>
      </c>
    </row>
    <row r="399" spans="1:6" ht="24" x14ac:dyDescent="0.25">
      <c r="A399" s="15" t="s">
        <v>56</v>
      </c>
      <c r="B399" s="20" t="s">
        <v>1748</v>
      </c>
      <c r="C399" s="16" t="s">
        <v>1172</v>
      </c>
      <c r="D399" s="16" t="s">
        <v>1171</v>
      </c>
      <c r="E399" s="16"/>
      <c r="F399" s="16" t="s">
        <v>732</v>
      </c>
    </row>
    <row r="400" spans="1:6" ht="24" x14ac:dyDescent="0.25">
      <c r="A400" s="15" t="s">
        <v>56</v>
      </c>
      <c r="B400" s="20" t="s">
        <v>1748</v>
      </c>
      <c r="C400" s="16" t="s">
        <v>1170</v>
      </c>
      <c r="D400" s="16" t="s">
        <v>1169</v>
      </c>
      <c r="E400" s="16"/>
      <c r="F400" s="16" t="s">
        <v>732</v>
      </c>
    </row>
    <row r="401" spans="1:6" ht="36.75" thickBot="1" x14ac:dyDescent="0.3">
      <c r="A401" s="22" t="s">
        <v>56</v>
      </c>
      <c r="B401" s="23" t="s">
        <v>1748</v>
      </c>
      <c r="C401" s="24" t="s">
        <v>1167</v>
      </c>
      <c r="D401" s="24" t="s">
        <v>1166</v>
      </c>
      <c r="E401" s="24"/>
      <c r="F401" s="16" t="s">
        <v>732</v>
      </c>
    </row>
    <row r="402" spans="1:6" ht="60.75" thickTop="1" x14ac:dyDescent="0.25">
      <c r="A402" s="25" t="s">
        <v>57</v>
      </c>
      <c r="B402" s="26" t="s">
        <v>1123</v>
      </c>
      <c r="C402" s="27" t="s">
        <v>1165</v>
      </c>
      <c r="D402" s="27" t="s">
        <v>1164</v>
      </c>
      <c r="E402" s="27" t="s">
        <v>1163</v>
      </c>
      <c r="F402" s="16" t="s">
        <v>732</v>
      </c>
    </row>
    <row r="403" spans="1:6" ht="24" x14ac:dyDescent="0.25">
      <c r="A403" s="15" t="s">
        <v>57</v>
      </c>
      <c r="B403" s="20" t="s">
        <v>1748</v>
      </c>
      <c r="C403" s="16" t="s">
        <v>1162</v>
      </c>
      <c r="D403" s="16" t="s">
        <v>1161</v>
      </c>
      <c r="E403" s="16" t="s">
        <v>1160</v>
      </c>
      <c r="F403" s="16" t="s">
        <v>732</v>
      </c>
    </row>
    <row r="404" spans="1:6" ht="24" x14ac:dyDescent="0.25">
      <c r="A404" s="15" t="s">
        <v>57</v>
      </c>
      <c r="B404" s="20" t="s">
        <v>1748</v>
      </c>
      <c r="C404" s="16" t="s">
        <v>1159</v>
      </c>
      <c r="D404" s="16" t="s">
        <v>1158</v>
      </c>
      <c r="E404" s="16" t="s">
        <v>1157</v>
      </c>
      <c r="F404" s="16" t="s">
        <v>732</v>
      </c>
    </row>
    <row r="405" spans="1:6" ht="24" x14ac:dyDescent="0.25">
      <c r="A405" s="15" t="s">
        <v>57</v>
      </c>
      <c r="B405" s="20" t="s">
        <v>1748</v>
      </c>
      <c r="C405" s="16" t="s">
        <v>1156</v>
      </c>
      <c r="D405" s="16" t="s">
        <v>1155</v>
      </c>
      <c r="E405" s="16" t="s">
        <v>1154</v>
      </c>
      <c r="F405" s="16" t="s">
        <v>732</v>
      </c>
    </row>
    <row r="406" spans="1:6" ht="24" x14ac:dyDescent="0.25">
      <c r="A406" s="15" t="s">
        <v>57</v>
      </c>
      <c r="B406" s="20" t="s">
        <v>1748</v>
      </c>
      <c r="C406" s="16" t="s">
        <v>1153</v>
      </c>
      <c r="D406" s="16" t="s">
        <v>1152</v>
      </c>
      <c r="E406" s="16" t="s">
        <v>1151</v>
      </c>
      <c r="F406" s="16" t="s">
        <v>732</v>
      </c>
    </row>
    <row r="407" spans="1:6" ht="24" x14ac:dyDescent="0.25">
      <c r="A407" s="15" t="s">
        <v>57</v>
      </c>
      <c r="B407" s="20" t="s">
        <v>1748</v>
      </c>
      <c r="C407" s="16" t="s">
        <v>1150</v>
      </c>
      <c r="D407" s="16" t="s">
        <v>1149</v>
      </c>
      <c r="E407" s="16" t="s">
        <v>1148</v>
      </c>
      <c r="F407" s="16" t="s">
        <v>732</v>
      </c>
    </row>
    <row r="408" spans="1:6" ht="24" x14ac:dyDescent="0.25">
      <c r="A408" s="15" t="s">
        <v>57</v>
      </c>
      <c r="B408" s="20" t="s">
        <v>1748</v>
      </c>
      <c r="C408" s="16" t="s">
        <v>1147</v>
      </c>
      <c r="D408" s="16" t="s">
        <v>1146</v>
      </c>
      <c r="E408" s="16" t="s">
        <v>1145</v>
      </c>
      <c r="F408" s="16" t="s">
        <v>732</v>
      </c>
    </row>
    <row r="409" spans="1:6" ht="24" x14ac:dyDescent="0.25">
      <c r="A409" s="15" t="s">
        <v>57</v>
      </c>
      <c r="B409" s="20" t="s">
        <v>1748</v>
      </c>
      <c r="C409" s="16" t="s">
        <v>1144</v>
      </c>
      <c r="D409" s="16" t="s">
        <v>1143</v>
      </c>
      <c r="E409" s="16" t="s">
        <v>1142</v>
      </c>
      <c r="F409" s="16" t="s">
        <v>732</v>
      </c>
    </row>
    <row r="410" spans="1:6" ht="24" x14ac:dyDescent="0.25">
      <c r="A410" s="15" t="s">
        <v>57</v>
      </c>
      <c r="B410" s="20" t="s">
        <v>1748</v>
      </c>
      <c r="C410" s="16" t="s">
        <v>1141</v>
      </c>
      <c r="D410" s="16" t="s">
        <v>1140</v>
      </c>
      <c r="E410" s="16" t="s">
        <v>1139</v>
      </c>
      <c r="F410" s="16" t="s">
        <v>732</v>
      </c>
    </row>
    <row r="411" spans="1:6" ht="24" x14ac:dyDescent="0.25">
      <c r="A411" s="15" t="s">
        <v>57</v>
      </c>
      <c r="B411" s="20" t="s">
        <v>1748</v>
      </c>
      <c r="C411" s="16" t="s">
        <v>1138</v>
      </c>
      <c r="D411" s="16" t="s">
        <v>1137</v>
      </c>
      <c r="E411" s="16" t="s">
        <v>1136</v>
      </c>
      <c r="F411" s="16" t="s">
        <v>732</v>
      </c>
    </row>
    <row r="412" spans="1:6" ht="24" x14ac:dyDescent="0.25">
      <c r="A412" s="15" t="s">
        <v>57</v>
      </c>
      <c r="B412" s="20" t="s">
        <v>1748</v>
      </c>
      <c r="C412" s="16" t="s">
        <v>1135</v>
      </c>
      <c r="D412" s="16" t="s">
        <v>1134</v>
      </c>
      <c r="E412" s="16" t="s">
        <v>1133</v>
      </c>
      <c r="F412" s="16" t="s">
        <v>732</v>
      </c>
    </row>
    <row r="413" spans="1:6" ht="24" x14ac:dyDescent="0.25">
      <c r="A413" s="15" t="s">
        <v>57</v>
      </c>
      <c r="B413" s="20" t="s">
        <v>1748</v>
      </c>
      <c r="C413" s="16" t="s">
        <v>1132</v>
      </c>
      <c r="D413" s="16" t="s">
        <v>1131</v>
      </c>
      <c r="E413" s="16" t="s">
        <v>1130</v>
      </c>
      <c r="F413" s="16" t="s">
        <v>732</v>
      </c>
    </row>
    <row r="414" spans="1:6" ht="24" x14ac:dyDescent="0.25">
      <c r="A414" s="15" t="s">
        <v>57</v>
      </c>
      <c r="B414" s="20" t="s">
        <v>1748</v>
      </c>
      <c r="C414" s="16" t="s">
        <v>1129</v>
      </c>
      <c r="D414" s="16" t="s">
        <v>1128</v>
      </c>
      <c r="E414" s="16" t="s">
        <v>1127</v>
      </c>
      <c r="F414" s="16" t="s">
        <v>732</v>
      </c>
    </row>
    <row r="415" spans="1:6" ht="24" x14ac:dyDescent="0.25">
      <c r="A415" s="15" t="s">
        <v>57</v>
      </c>
      <c r="B415" s="20" t="s">
        <v>1748</v>
      </c>
      <c r="C415" s="16" t="s">
        <v>1126</v>
      </c>
      <c r="D415" s="16" t="s">
        <v>1125</v>
      </c>
      <c r="E415" s="16" t="s">
        <v>1124</v>
      </c>
      <c r="F415" s="16" t="s">
        <v>732</v>
      </c>
    </row>
    <row r="416" spans="1:6" ht="24.75" thickBot="1" x14ac:dyDescent="0.3">
      <c r="A416" s="22" t="s">
        <v>57</v>
      </c>
      <c r="B416" s="23" t="s">
        <v>1748</v>
      </c>
      <c r="C416" s="24" t="s">
        <v>1122</v>
      </c>
      <c r="D416" s="24" t="s">
        <v>1121</v>
      </c>
      <c r="E416" s="24" t="s">
        <v>1120</v>
      </c>
      <c r="F416" s="16" t="s">
        <v>732</v>
      </c>
    </row>
    <row r="417" spans="1:6" ht="97.5" thickTop="1" thickBot="1" x14ac:dyDescent="0.3">
      <c r="A417" s="28" t="s">
        <v>58</v>
      </c>
      <c r="B417" s="29" t="s">
        <v>1749</v>
      </c>
      <c r="C417" s="30"/>
      <c r="D417" s="30"/>
      <c r="E417" s="30"/>
      <c r="F417" s="16" t="s">
        <v>732</v>
      </c>
    </row>
    <row r="418" spans="1:6" ht="97.5" thickTop="1" thickBot="1" x14ac:dyDescent="0.3">
      <c r="A418" s="28" t="s">
        <v>1119</v>
      </c>
      <c r="B418" s="29" t="s">
        <v>1118</v>
      </c>
      <c r="C418" s="30"/>
      <c r="D418" s="30"/>
      <c r="E418" s="30"/>
      <c r="F418" s="16"/>
    </row>
    <row r="419" spans="1:6" ht="85.5" thickTop="1" thickBot="1" x14ac:dyDescent="0.3">
      <c r="A419" s="28" t="s">
        <v>1117</v>
      </c>
      <c r="B419" s="29" t="s">
        <v>1116</v>
      </c>
      <c r="C419" s="30"/>
      <c r="D419" s="30"/>
      <c r="E419" s="30"/>
      <c r="F419" s="16"/>
    </row>
    <row r="420" spans="1:6" ht="25.5" thickTop="1" thickBot="1" x14ac:dyDescent="0.3">
      <c r="A420" s="28" t="s">
        <v>1115</v>
      </c>
      <c r="B420" s="29" t="s">
        <v>1114</v>
      </c>
      <c r="C420" s="30"/>
      <c r="D420" s="30"/>
      <c r="E420" s="30"/>
      <c r="F420" s="16"/>
    </row>
    <row r="421" spans="1:6" ht="13.5" thickTop="1" thickBot="1" x14ac:dyDescent="0.3">
      <c r="A421" s="28" t="s">
        <v>59</v>
      </c>
      <c r="B421" s="29" t="s">
        <v>1113</v>
      </c>
      <c r="C421" s="30"/>
      <c r="D421" s="30"/>
      <c r="E421" s="30"/>
      <c r="F421" s="16" t="s">
        <v>943</v>
      </c>
    </row>
    <row r="422" spans="1:6" ht="60.75" thickTop="1" x14ac:dyDescent="0.25">
      <c r="A422" s="25" t="s">
        <v>60</v>
      </c>
      <c r="B422" s="26" t="s">
        <v>1101</v>
      </c>
      <c r="C422" s="27">
        <v>1</v>
      </c>
      <c r="D422" s="27" t="s">
        <v>1112</v>
      </c>
      <c r="E422" s="27"/>
      <c r="F422" s="16" t="s">
        <v>943</v>
      </c>
    </row>
    <row r="423" spans="1:6" x14ac:dyDescent="0.25">
      <c r="A423" s="15" t="s">
        <v>60</v>
      </c>
      <c r="B423" s="20" t="s">
        <v>1748</v>
      </c>
      <c r="C423" s="16">
        <v>2</v>
      </c>
      <c r="D423" s="16" t="s">
        <v>1111</v>
      </c>
      <c r="E423" s="16"/>
      <c r="F423" s="16" t="s">
        <v>943</v>
      </c>
    </row>
    <row r="424" spans="1:6" x14ac:dyDescent="0.25">
      <c r="A424" s="15" t="s">
        <v>60</v>
      </c>
      <c r="B424" s="20" t="s">
        <v>1748</v>
      </c>
      <c r="C424" s="16">
        <v>3</v>
      </c>
      <c r="D424" s="16" t="s">
        <v>1110</v>
      </c>
      <c r="E424" s="16"/>
      <c r="F424" s="16" t="s">
        <v>943</v>
      </c>
    </row>
    <row r="425" spans="1:6" x14ac:dyDescent="0.25">
      <c r="A425" s="15" t="s">
        <v>60</v>
      </c>
      <c r="B425" s="20" t="s">
        <v>1748</v>
      </c>
      <c r="C425" s="16">
        <v>4</v>
      </c>
      <c r="D425" s="16" t="s">
        <v>1109</v>
      </c>
      <c r="E425" s="16"/>
      <c r="F425" s="16" t="s">
        <v>943</v>
      </c>
    </row>
    <row r="426" spans="1:6" x14ac:dyDescent="0.25">
      <c r="A426" s="15" t="s">
        <v>60</v>
      </c>
      <c r="B426" s="20" t="s">
        <v>1748</v>
      </c>
      <c r="C426" s="16">
        <v>5</v>
      </c>
      <c r="D426" s="16" t="s">
        <v>1108</v>
      </c>
      <c r="E426" s="16"/>
      <c r="F426" s="16" t="s">
        <v>943</v>
      </c>
    </row>
    <row r="427" spans="1:6" x14ac:dyDescent="0.25">
      <c r="A427" s="15" t="s">
        <v>60</v>
      </c>
      <c r="B427" s="20" t="s">
        <v>1748</v>
      </c>
      <c r="C427" s="16">
        <v>6</v>
      </c>
      <c r="D427" s="16" t="s">
        <v>1107</v>
      </c>
      <c r="E427" s="16"/>
      <c r="F427" s="16" t="s">
        <v>943</v>
      </c>
    </row>
    <row r="428" spans="1:6" x14ac:dyDescent="0.25">
      <c r="A428" s="15" t="s">
        <v>60</v>
      </c>
      <c r="B428" s="20" t="s">
        <v>1748</v>
      </c>
      <c r="C428" s="16">
        <v>7</v>
      </c>
      <c r="D428" s="16" t="s">
        <v>1106</v>
      </c>
      <c r="E428" s="16"/>
      <c r="F428" s="16" t="s">
        <v>943</v>
      </c>
    </row>
    <row r="429" spans="1:6" x14ac:dyDescent="0.25">
      <c r="A429" s="15" t="s">
        <v>60</v>
      </c>
      <c r="B429" s="20" t="s">
        <v>1748</v>
      </c>
      <c r="C429" s="16">
        <v>8</v>
      </c>
      <c r="D429" s="16" t="s">
        <v>1105</v>
      </c>
      <c r="E429" s="16"/>
      <c r="F429" s="16" t="s">
        <v>943</v>
      </c>
    </row>
    <row r="430" spans="1:6" x14ac:dyDescent="0.25">
      <c r="A430" s="15" t="s">
        <v>60</v>
      </c>
      <c r="B430" s="20" t="s">
        <v>1748</v>
      </c>
      <c r="C430" s="16">
        <v>9</v>
      </c>
      <c r="D430" s="16" t="s">
        <v>1104</v>
      </c>
      <c r="E430" s="16"/>
      <c r="F430" s="16" t="s">
        <v>943</v>
      </c>
    </row>
    <row r="431" spans="1:6" x14ac:dyDescent="0.25">
      <c r="A431" s="15" t="s">
        <v>60</v>
      </c>
      <c r="B431" s="20" t="s">
        <v>1748</v>
      </c>
      <c r="C431" s="16">
        <v>10</v>
      </c>
      <c r="D431" s="16" t="s">
        <v>1103</v>
      </c>
      <c r="E431" s="16"/>
      <c r="F431" s="16" t="s">
        <v>943</v>
      </c>
    </row>
    <row r="432" spans="1:6" x14ac:dyDescent="0.25">
      <c r="A432" s="15" t="s">
        <v>60</v>
      </c>
      <c r="B432" s="20" t="s">
        <v>1748</v>
      </c>
      <c r="C432" s="16">
        <v>11</v>
      </c>
      <c r="D432" s="16" t="s">
        <v>1102</v>
      </c>
      <c r="E432" s="16"/>
      <c r="F432" s="16" t="s">
        <v>943</v>
      </c>
    </row>
    <row r="433" spans="1:6" ht="12.75" thickBot="1" x14ac:dyDescent="0.3">
      <c r="A433" s="22" t="s">
        <v>60</v>
      </c>
      <c r="B433" s="23" t="s">
        <v>1748</v>
      </c>
      <c r="C433" s="24">
        <v>12</v>
      </c>
      <c r="D433" s="24" t="s">
        <v>1100</v>
      </c>
      <c r="E433" s="24"/>
      <c r="F433" s="16" t="s">
        <v>943</v>
      </c>
    </row>
    <row r="434" spans="1:6" ht="61.5" thickTop="1" thickBot="1" x14ac:dyDescent="0.3">
      <c r="A434" s="28" t="s">
        <v>61</v>
      </c>
      <c r="B434" s="29" t="s">
        <v>1099</v>
      </c>
      <c r="C434" s="30"/>
      <c r="D434" s="30"/>
      <c r="E434" s="30"/>
      <c r="F434" s="16" t="s">
        <v>943</v>
      </c>
    </row>
    <row r="435" spans="1:6" ht="25.5" thickTop="1" thickBot="1" x14ac:dyDescent="0.3">
      <c r="A435" s="28" t="s">
        <v>62</v>
      </c>
      <c r="B435" s="29" t="s">
        <v>1098</v>
      </c>
      <c r="C435" s="30"/>
      <c r="D435" s="30"/>
      <c r="E435" s="30"/>
      <c r="F435" s="16" t="s">
        <v>943</v>
      </c>
    </row>
    <row r="436" spans="1:6" ht="24.75" thickTop="1" x14ac:dyDescent="0.25">
      <c r="A436" s="25" t="s">
        <v>63</v>
      </c>
      <c r="B436" s="26" t="s">
        <v>1094</v>
      </c>
      <c r="C436" s="27" t="s">
        <v>149</v>
      </c>
      <c r="D436" s="27" t="s">
        <v>1097</v>
      </c>
      <c r="E436" s="27"/>
      <c r="F436" s="16" t="s">
        <v>943</v>
      </c>
    </row>
    <row r="437" spans="1:6" ht="24" x14ac:dyDescent="0.25">
      <c r="A437" s="15" t="s">
        <v>63</v>
      </c>
      <c r="B437" s="20" t="s">
        <v>1748</v>
      </c>
      <c r="C437" s="16" t="s">
        <v>215</v>
      </c>
      <c r="D437" s="16" t="s">
        <v>1096</v>
      </c>
      <c r="E437" s="16"/>
      <c r="F437" s="16" t="s">
        <v>943</v>
      </c>
    </row>
    <row r="438" spans="1:6" ht="24" x14ac:dyDescent="0.25">
      <c r="A438" s="15" t="s">
        <v>63</v>
      </c>
      <c r="B438" s="20" t="s">
        <v>1748</v>
      </c>
      <c r="C438" s="16" t="s">
        <v>146</v>
      </c>
      <c r="D438" s="16" t="s">
        <v>1095</v>
      </c>
      <c r="E438" s="16"/>
      <c r="F438" s="16" t="s">
        <v>943</v>
      </c>
    </row>
    <row r="439" spans="1:6" ht="24.75" thickBot="1" x14ac:dyDescent="0.3">
      <c r="A439" s="22" t="s">
        <v>63</v>
      </c>
      <c r="B439" s="23" t="s">
        <v>1748</v>
      </c>
      <c r="C439" s="24" t="s">
        <v>154</v>
      </c>
      <c r="D439" s="24" t="s">
        <v>1093</v>
      </c>
      <c r="E439" s="24"/>
      <c r="F439" s="16" t="s">
        <v>943</v>
      </c>
    </row>
    <row r="440" spans="1:6" ht="37.5" thickTop="1" thickBot="1" x14ac:dyDescent="0.3">
      <c r="A440" s="28" t="s">
        <v>64</v>
      </c>
      <c r="B440" s="29" t="s">
        <v>1092</v>
      </c>
      <c r="C440" s="30"/>
      <c r="D440" s="30"/>
      <c r="E440" s="30"/>
      <c r="F440" s="16" t="s">
        <v>943</v>
      </c>
    </row>
    <row r="441" spans="1:6" ht="37.5" thickTop="1" thickBot="1" x14ac:dyDescent="0.3">
      <c r="A441" s="28" t="s">
        <v>65</v>
      </c>
      <c r="B441" s="29" t="s">
        <v>1091</v>
      </c>
      <c r="C441" s="30"/>
      <c r="D441" s="30"/>
      <c r="E441" s="30"/>
      <c r="F441" s="16" t="s">
        <v>943</v>
      </c>
    </row>
    <row r="442" spans="1:6" ht="37.5" thickTop="1" thickBot="1" x14ac:dyDescent="0.3">
      <c r="A442" s="28" t="s">
        <v>66</v>
      </c>
      <c r="B442" s="29" t="s">
        <v>1090</v>
      </c>
      <c r="C442" s="30"/>
      <c r="D442" s="30"/>
      <c r="E442" s="30"/>
      <c r="F442" s="16" t="s">
        <v>943</v>
      </c>
    </row>
    <row r="443" spans="1:6" ht="61.5" thickTop="1" thickBot="1" x14ac:dyDescent="0.3">
      <c r="A443" s="28" t="s">
        <v>67</v>
      </c>
      <c r="B443" s="29" t="s">
        <v>1089</v>
      </c>
      <c r="C443" s="30"/>
      <c r="D443" s="30"/>
      <c r="E443" s="30"/>
      <c r="F443" s="16" t="s">
        <v>943</v>
      </c>
    </row>
    <row r="444" spans="1:6" ht="72.75" thickTop="1" x14ac:dyDescent="0.25">
      <c r="A444" s="25" t="s">
        <v>68</v>
      </c>
      <c r="B444" s="26" t="s">
        <v>946</v>
      </c>
      <c r="C444" s="27" t="s">
        <v>1088</v>
      </c>
      <c r="D444" s="27" t="s">
        <v>1087</v>
      </c>
      <c r="E444" s="27"/>
      <c r="F444" s="16" t="s">
        <v>943</v>
      </c>
    </row>
    <row r="445" spans="1:6" x14ac:dyDescent="0.25">
      <c r="A445" s="15" t="s">
        <v>68</v>
      </c>
      <c r="B445" s="20" t="s">
        <v>1748</v>
      </c>
      <c r="C445" s="16" t="s">
        <v>1086</v>
      </c>
      <c r="D445" s="16" t="s">
        <v>1085</v>
      </c>
      <c r="E445" s="16"/>
      <c r="F445" s="16" t="s">
        <v>943</v>
      </c>
    </row>
    <row r="446" spans="1:6" ht="24" x14ac:dyDescent="0.25">
      <c r="A446" s="15" t="s">
        <v>68</v>
      </c>
      <c r="B446" s="20" t="s">
        <v>1748</v>
      </c>
      <c r="C446" s="16" t="s">
        <v>1084</v>
      </c>
      <c r="D446" s="16" t="s">
        <v>1083</v>
      </c>
      <c r="E446" s="16"/>
      <c r="F446" s="16" t="s">
        <v>943</v>
      </c>
    </row>
    <row r="447" spans="1:6" x14ac:dyDescent="0.25">
      <c r="A447" s="15" t="s">
        <v>68</v>
      </c>
      <c r="B447" s="20" t="s">
        <v>1748</v>
      </c>
      <c r="C447" s="16" t="s">
        <v>1082</v>
      </c>
      <c r="D447" s="16" t="s">
        <v>1082</v>
      </c>
      <c r="E447" s="16"/>
      <c r="F447" s="16" t="s">
        <v>943</v>
      </c>
    </row>
    <row r="448" spans="1:6" x14ac:dyDescent="0.25">
      <c r="A448" s="15" t="s">
        <v>68</v>
      </c>
      <c r="B448" s="20" t="s">
        <v>1748</v>
      </c>
      <c r="C448" s="16" t="s">
        <v>1081</v>
      </c>
      <c r="D448" s="16" t="s">
        <v>1080</v>
      </c>
      <c r="E448" s="16"/>
      <c r="F448" s="16" t="s">
        <v>943</v>
      </c>
    </row>
    <row r="449" spans="1:6" x14ac:dyDescent="0.25">
      <c r="A449" s="15" t="s">
        <v>68</v>
      </c>
      <c r="B449" s="20" t="s">
        <v>1748</v>
      </c>
      <c r="C449" s="16" t="s">
        <v>1079</v>
      </c>
      <c r="D449" s="16" t="s">
        <v>1078</v>
      </c>
      <c r="E449" s="16"/>
      <c r="F449" s="16" t="s">
        <v>943</v>
      </c>
    </row>
    <row r="450" spans="1:6" x14ac:dyDescent="0.25">
      <c r="A450" s="15" t="s">
        <v>68</v>
      </c>
      <c r="B450" s="20" t="s">
        <v>1748</v>
      </c>
      <c r="C450" s="16" t="s">
        <v>1077</v>
      </c>
      <c r="D450" s="16" t="s">
        <v>1076</v>
      </c>
      <c r="E450" s="16"/>
      <c r="F450" s="16" t="s">
        <v>943</v>
      </c>
    </row>
    <row r="451" spans="1:6" x14ac:dyDescent="0.25">
      <c r="A451" s="15" t="s">
        <v>68</v>
      </c>
      <c r="B451" s="20" t="s">
        <v>1748</v>
      </c>
      <c r="C451" s="16" t="s">
        <v>1075</v>
      </c>
      <c r="D451" s="16" t="s">
        <v>1074</v>
      </c>
      <c r="E451" s="16"/>
      <c r="F451" s="16" t="s">
        <v>943</v>
      </c>
    </row>
    <row r="452" spans="1:6" x14ac:dyDescent="0.25">
      <c r="A452" s="15" t="s">
        <v>68</v>
      </c>
      <c r="B452" s="20" t="s">
        <v>1748</v>
      </c>
      <c r="C452" s="16" t="s">
        <v>1073</v>
      </c>
      <c r="D452" s="16" t="s">
        <v>1072</v>
      </c>
      <c r="E452" s="16"/>
      <c r="F452" s="16" t="s">
        <v>943</v>
      </c>
    </row>
    <row r="453" spans="1:6" x14ac:dyDescent="0.25">
      <c r="A453" s="15" t="s">
        <v>68</v>
      </c>
      <c r="B453" s="20" t="s">
        <v>1748</v>
      </c>
      <c r="C453" s="16" t="s">
        <v>1071</v>
      </c>
      <c r="D453" s="16" t="s">
        <v>1070</v>
      </c>
      <c r="E453" s="16"/>
      <c r="F453" s="16" t="s">
        <v>943</v>
      </c>
    </row>
    <row r="454" spans="1:6" ht="24" x14ac:dyDescent="0.25">
      <c r="A454" s="15" t="s">
        <v>68</v>
      </c>
      <c r="B454" s="20" t="s">
        <v>1748</v>
      </c>
      <c r="C454" s="16" t="s">
        <v>1069</v>
      </c>
      <c r="D454" s="16" t="s">
        <v>1068</v>
      </c>
      <c r="E454" s="16"/>
      <c r="F454" s="16" t="s">
        <v>943</v>
      </c>
    </row>
    <row r="455" spans="1:6" x14ac:dyDescent="0.25">
      <c r="A455" s="15" t="s">
        <v>68</v>
      </c>
      <c r="B455" s="20" t="s">
        <v>1748</v>
      </c>
      <c r="C455" s="16" t="s">
        <v>1067</v>
      </c>
      <c r="D455" s="16" t="s">
        <v>1066</v>
      </c>
      <c r="E455" s="16"/>
      <c r="F455" s="16" t="s">
        <v>943</v>
      </c>
    </row>
    <row r="456" spans="1:6" x14ac:dyDescent="0.25">
      <c r="A456" s="15" t="s">
        <v>68</v>
      </c>
      <c r="B456" s="20" t="s">
        <v>1748</v>
      </c>
      <c r="C456" s="16" t="s">
        <v>1065</v>
      </c>
      <c r="D456" s="16" t="s">
        <v>1064</v>
      </c>
      <c r="E456" s="16"/>
      <c r="F456" s="16" t="s">
        <v>943</v>
      </c>
    </row>
    <row r="457" spans="1:6" x14ac:dyDescent="0.25">
      <c r="A457" s="15" t="s">
        <v>68</v>
      </c>
      <c r="B457" s="20" t="s">
        <v>1748</v>
      </c>
      <c r="C457" s="16" t="s">
        <v>1063</v>
      </c>
      <c r="D457" s="16" t="s">
        <v>1062</v>
      </c>
      <c r="E457" s="16"/>
      <c r="F457" s="16" t="s">
        <v>943</v>
      </c>
    </row>
    <row r="458" spans="1:6" x14ac:dyDescent="0.25">
      <c r="A458" s="15" t="s">
        <v>68</v>
      </c>
      <c r="B458" s="20" t="s">
        <v>1748</v>
      </c>
      <c r="C458" s="16" t="s">
        <v>1061</v>
      </c>
      <c r="D458" s="16" t="s">
        <v>1060</v>
      </c>
      <c r="E458" s="16"/>
      <c r="F458" s="16" t="s">
        <v>943</v>
      </c>
    </row>
    <row r="459" spans="1:6" x14ac:dyDescent="0.25">
      <c r="A459" s="15" t="s">
        <v>68</v>
      </c>
      <c r="B459" s="20" t="s">
        <v>1748</v>
      </c>
      <c r="C459" s="16" t="s">
        <v>1059</v>
      </c>
      <c r="D459" s="16" t="s">
        <v>1058</v>
      </c>
      <c r="E459" s="16"/>
      <c r="F459" s="16" t="s">
        <v>943</v>
      </c>
    </row>
    <row r="460" spans="1:6" x14ac:dyDescent="0.25">
      <c r="A460" s="15" t="s">
        <v>68</v>
      </c>
      <c r="B460" s="20" t="s">
        <v>1748</v>
      </c>
      <c r="C460" s="16" t="s">
        <v>1057</v>
      </c>
      <c r="D460" s="16" t="s">
        <v>1056</v>
      </c>
      <c r="E460" s="16"/>
      <c r="F460" s="16" t="s">
        <v>943</v>
      </c>
    </row>
    <row r="461" spans="1:6" x14ac:dyDescent="0.25">
      <c r="A461" s="15" t="s">
        <v>68</v>
      </c>
      <c r="B461" s="20" t="s">
        <v>1748</v>
      </c>
      <c r="C461" s="16" t="s">
        <v>1055</v>
      </c>
      <c r="D461" s="16" t="s">
        <v>1054</v>
      </c>
      <c r="E461" s="16"/>
      <c r="F461" s="16" t="s">
        <v>943</v>
      </c>
    </row>
    <row r="462" spans="1:6" x14ac:dyDescent="0.25">
      <c r="A462" s="15" t="s">
        <v>68</v>
      </c>
      <c r="B462" s="20" t="s">
        <v>1748</v>
      </c>
      <c r="C462" s="16" t="s">
        <v>1053</v>
      </c>
      <c r="D462" s="16" t="s">
        <v>1052</v>
      </c>
      <c r="E462" s="16"/>
      <c r="F462" s="16" t="s">
        <v>943</v>
      </c>
    </row>
    <row r="463" spans="1:6" x14ac:dyDescent="0.25">
      <c r="A463" s="15" t="s">
        <v>68</v>
      </c>
      <c r="B463" s="20" t="s">
        <v>1748</v>
      </c>
      <c r="C463" s="16" t="s">
        <v>1051</v>
      </c>
      <c r="D463" s="16" t="s">
        <v>1050</v>
      </c>
      <c r="E463" s="16"/>
      <c r="F463" s="16" t="s">
        <v>943</v>
      </c>
    </row>
    <row r="464" spans="1:6" x14ac:dyDescent="0.25">
      <c r="A464" s="15" t="s">
        <v>68</v>
      </c>
      <c r="B464" s="20" t="s">
        <v>1748</v>
      </c>
      <c r="C464" s="16" t="s">
        <v>1049</v>
      </c>
      <c r="D464" s="16" t="s">
        <v>1049</v>
      </c>
      <c r="E464" s="16"/>
      <c r="F464" s="16" t="s">
        <v>943</v>
      </c>
    </row>
    <row r="465" spans="1:6" x14ac:dyDescent="0.25">
      <c r="A465" s="15" t="s">
        <v>68</v>
      </c>
      <c r="B465" s="20" t="s">
        <v>1748</v>
      </c>
      <c r="C465" s="16" t="s">
        <v>1048</v>
      </c>
      <c r="D465" s="16" t="s">
        <v>1047</v>
      </c>
      <c r="E465" s="16"/>
      <c r="F465" s="16" t="s">
        <v>943</v>
      </c>
    </row>
    <row r="466" spans="1:6" x14ac:dyDescent="0.25">
      <c r="A466" s="15" t="s">
        <v>68</v>
      </c>
      <c r="B466" s="20" t="s">
        <v>1748</v>
      </c>
      <c r="C466" s="16" t="s">
        <v>1046</v>
      </c>
      <c r="D466" s="16" t="s">
        <v>1045</v>
      </c>
      <c r="E466" s="16"/>
      <c r="F466" s="16" t="s">
        <v>943</v>
      </c>
    </row>
    <row r="467" spans="1:6" x14ac:dyDescent="0.25">
      <c r="A467" s="15" t="s">
        <v>68</v>
      </c>
      <c r="B467" s="20" t="s">
        <v>1748</v>
      </c>
      <c r="C467" s="16" t="s">
        <v>1044</v>
      </c>
      <c r="D467" s="16" t="s">
        <v>1043</v>
      </c>
      <c r="E467" s="16"/>
      <c r="F467" s="16" t="s">
        <v>943</v>
      </c>
    </row>
    <row r="468" spans="1:6" x14ac:dyDescent="0.25">
      <c r="A468" s="15" t="s">
        <v>68</v>
      </c>
      <c r="B468" s="20" t="s">
        <v>1748</v>
      </c>
      <c r="C468" s="16" t="s">
        <v>1042</v>
      </c>
      <c r="D468" s="16" t="s">
        <v>1041</v>
      </c>
      <c r="E468" s="16"/>
      <c r="F468" s="16" t="s">
        <v>943</v>
      </c>
    </row>
    <row r="469" spans="1:6" x14ac:dyDescent="0.25">
      <c r="A469" s="15" t="s">
        <v>68</v>
      </c>
      <c r="B469" s="20" t="s">
        <v>1748</v>
      </c>
      <c r="C469" s="16" t="s">
        <v>1040</v>
      </c>
      <c r="D469" s="16" t="s">
        <v>1039</v>
      </c>
      <c r="E469" s="16"/>
      <c r="F469" s="16" t="s">
        <v>943</v>
      </c>
    </row>
    <row r="470" spans="1:6" x14ac:dyDescent="0.25">
      <c r="A470" s="15" t="s">
        <v>68</v>
      </c>
      <c r="B470" s="20" t="s">
        <v>1748</v>
      </c>
      <c r="C470" s="16" t="s">
        <v>1038</v>
      </c>
      <c r="D470" s="16" t="s">
        <v>1037</v>
      </c>
      <c r="E470" s="16"/>
      <c r="F470" s="16" t="s">
        <v>943</v>
      </c>
    </row>
    <row r="471" spans="1:6" x14ac:dyDescent="0.25">
      <c r="A471" s="15" t="s">
        <v>68</v>
      </c>
      <c r="B471" s="20" t="s">
        <v>1748</v>
      </c>
      <c r="C471" s="16" t="s">
        <v>1036</v>
      </c>
      <c r="D471" s="16" t="s">
        <v>1035</v>
      </c>
      <c r="E471" s="16"/>
      <c r="F471" s="16" t="s">
        <v>943</v>
      </c>
    </row>
    <row r="472" spans="1:6" x14ac:dyDescent="0.25">
      <c r="A472" s="15" t="s">
        <v>68</v>
      </c>
      <c r="B472" s="20" t="s">
        <v>1748</v>
      </c>
      <c r="C472" s="16" t="s">
        <v>1034</v>
      </c>
      <c r="D472" s="16" t="s">
        <v>1033</v>
      </c>
      <c r="E472" s="16"/>
      <c r="F472" s="16" t="s">
        <v>943</v>
      </c>
    </row>
    <row r="473" spans="1:6" x14ac:dyDescent="0.25">
      <c r="A473" s="15" t="s">
        <v>68</v>
      </c>
      <c r="B473" s="20" t="s">
        <v>1748</v>
      </c>
      <c r="C473" s="16" t="s">
        <v>1032</v>
      </c>
      <c r="D473" s="16" t="s">
        <v>1031</v>
      </c>
      <c r="E473" s="16"/>
      <c r="F473" s="16" t="s">
        <v>943</v>
      </c>
    </row>
    <row r="474" spans="1:6" x14ac:dyDescent="0.25">
      <c r="A474" s="15" t="s">
        <v>68</v>
      </c>
      <c r="B474" s="20" t="s">
        <v>1748</v>
      </c>
      <c r="C474" s="16" t="s">
        <v>1030</v>
      </c>
      <c r="D474" s="16" t="s">
        <v>1029</v>
      </c>
      <c r="E474" s="16"/>
      <c r="F474" s="16" t="s">
        <v>943</v>
      </c>
    </row>
    <row r="475" spans="1:6" x14ac:dyDescent="0.25">
      <c r="A475" s="15" t="s">
        <v>68</v>
      </c>
      <c r="B475" s="20" t="s">
        <v>1748</v>
      </c>
      <c r="C475" s="16" t="s">
        <v>1028</v>
      </c>
      <c r="D475" s="16" t="s">
        <v>1027</v>
      </c>
      <c r="E475" s="16"/>
      <c r="F475" s="16" t="s">
        <v>943</v>
      </c>
    </row>
    <row r="476" spans="1:6" x14ac:dyDescent="0.25">
      <c r="A476" s="15" t="s">
        <v>68</v>
      </c>
      <c r="B476" s="20" t="s">
        <v>1748</v>
      </c>
      <c r="C476" s="16" t="s">
        <v>1026</v>
      </c>
      <c r="D476" s="16" t="s">
        <v>1025</v>
      </c>
      <c r="E476" s="16"/>
      <c r="F476" s="16" t="s">
        <v>943</v>
      </c>
    </row>
    <row r="477" spans="1:6" x14ac:dyDescent="0.25">
      <c r="A477" s="15" t="s">
        <v>68</v>
      </c>
      <c r="B477" s="20" t="s">
        <v>1748</v>
      </c>
      <c r="C477" s="16" t="s">
        <v>1024</v>
      </c>
      <c r="D477" s="16" t="s">
        <v>1023</v>
      </c>
      <c r="E477" s="16"/>
      <c r="F477" s="16" t="s">
        <v>943</v>
      </c>
    </row>
    <row r="478" spans="1:6" x14ac:dyDescent="0.25">
      <c r="A478" s="15" t="s">
        <v>68</v>
      </c>
      <c r="B478" s="20" t="s">
        <v>1748</v>
      </c>
      <c r="C478" s="16" t="s">
        <v>1022</v>
      </c>
      <c r="D478" s="16" t="s">
        <v>1021</v>
      </c>
      <c r="E478" s="16"/>
      <c r="F478" s="16" t="s">
        <v>943</v>
      </c>
    </row>
    <row r="479" spans="1:6" x14ac:dyDescent="0.25">
      <c r="A479" s="15" t="s">
        <v>68</v>
      </c>
      <c r="B479" s="20" t="s">
        <v>1748</v>
      </c>
      <c r="C479" s="16" t="s">
        <v>1020</v>
      </c>
      <c r="D479" s="16" t="s">
        <v>1019</v>
      </c>
      <c r="E479" s="16"/>
      <c r="F479" s="16" t="s">
        <v>943</v>
      </c>
    </row>
    <row r="480" spans="1:6" x14ac:dyDescent="0.25">
      <c r="A480" s="15" t="s">
        <v>68</v>
      </c>
      <c r="B480" s="20" t="s">
        <v>1748</v>
      </c>
      <c r="C480" s="16" t="s">
        <v>1018</v>
      </c>
      <c r="D480" s="16" t="s">
        <v>1017</v>
      </c>
      <c r="E480" s="16"/>
      <c r="F480" s="16" t="s">
        <v>943</v>
      </c>
    </row>
    <row r="481" spans="1:6" x14ac:dyDescent="0.25">
      <c r="A481" s="15" t="s">
        <v>68</v>
      </c>
      <c r="B481" s="20" t="s">
        <v>1748</v>
      </c>
      <c r="C481" s="16" t="s">
        <v>1016</v>
      </c>
      <c r="D481" s="16" t="s">
        <v>1015</v>
      </c>
      <c r="E481" s="16"/>
      <c r="F481" s="16" t="s">
        <v>943</v>
      </c>
    </row>
    <row r="482" spans="1:6" x14ac:dyDescent="0.25">
      <c r="A482" s="15" t="s">
        <v>68</v>
      </c>
      <c r="B482" s="20" t="s">
        <v>1748</v>
      </c>
      <c r="C482" s="16" t="s">
        <v>1014</v>
      </c>
      <c r="D482" s="16" t="s">
        <v>1013</v>
      </c>
      <c r="E482" s="16"/>
      <c r="F482" s="16" t="s">
        <v>943</v>
      </c>
    </row>
    <row r="483" spans="1:6" x14ac:dyDescent="0.25">
      <c r="A483" s="15" t="s">
        <v>68</v>
      </c>
      <c r="B483" s="20" t="s">
        <v>1748</v>
      </c>
      <c r="C483" s="16" t="s">
        <v>1012</v>
      </c>
      <c r="D483" s="16" t="s">
        <v>1011</v>
      </c>
      <c r="E483" s="16"/>
      <c r="F483" s="16" t="s">
        <v>943</v>
      </c>
    </row>
    <row r="484" spans="1:6" x14ac:dyDescent="0.25">
      <c r="A484" s="15" t="s">
        <v>68</v>
      </c>
      <c r="B484" s="20" t="s">
        <v>1748</v>
      </c>
      <c r="C484" s="16" t="s">
        <v>1010</v>
      </c>
      <c r="D484" s="16" t="s">
        <v>1009</v>
      </c>
      <c r="E484" s="16"/>
      <c r="F484" s="16" t="s">
        <v>943</v>
      </c>
    </row>
    <row r="485" spans="1:6" ht="24" x14ac:dyDescent="0.25">
      <c r="A485" s="15" t="s">
        <v>68</v>
      </c>
      <c r="B485" s="20" t="s">
        <v>1748</v>
      </c>
      <c r="C485" s="16" t="s">
        <v>1008</v>
      </c>
      <c r="D485" s="16" t="s">
        <v>1007</v>
      </c>
      <c r="E485" s="16"/>
      <c r="F485" s="16" t="s">
        <v>943</v>
      </c>
    </row>
    <row r="486" spans="1:6" x14ac:dyDescent="0.25">
      <c r="A486" s="15" t="s">
        <v>68</v>
      </c>
      <c r="B486" s="20" t="s">
        <v>1748</v>
      </c>
      <c r="C486" s="16" t="s">
        <v>1006</v>
      </c>
      <c r="D486" s="16" t="s">
        <v>1005</v>
      </c>
      <c r="E486" s="16"/>
      <c r="F486" s="16" t="s">
        <v>943</v>
      </c>
    </row>
    <row r="487" spans="1:6" x14ac:dyDescent="0.25">
      <c r="A487" s="15" t="s">
        <v>68</v>
      </c>
      <c r="B487" s="20" t="s">
        <v>1748</v>
      </c>
      <c r="C487" s="16" t="s">
        <v>1004</v>
      </c>
      <c r="D487" s="16" t="s">
        <v>1003</v>
      </c>
      <c r="E487" s="16"/>
      <c r="F487" s="16" t="s">
        <v>943</v>
      </c>
    </row>
    <row r="488" spans="1:6" x14ac:dyDescent="0.25">
      <c r="A488" s="15" t="s">
        <v>68</v>
      </c>
      <c r="B488" s="20" t="s">
        <v>1748</v>
      </c>
      <c r="C488" s="16" t="s">
        <v>1002</v>
      </c>
      <c r="D488" s="16" t="s">
        <v>1001</v>
      </c>
      <c r="E488" s="16"/>
      <c r="F488" s="16" t="s">
        <v>943</v>
      </c>
    </row>
    <row r="489" spans="1:6" x14ac:dyDescent="0.25">
      <c r="A489" s="15" t="s">
        <v>68</v>
      </c>
      <c r="B489" s="20" t="s">
        <v>1748</v>
      </c>
      <c r="C489" s="16" t="s">
        <v>1000</v>
      </c>
      <c r="D489" s="16" t="s">
        <v>999</v>
      </c>
      <c r="E489" s="16"/>
      <c r="F489" s="16" t="s">
        <v>943</v>
      </c>
    </row>
    <row r="490" spans="1:6" x14ac:dyDescent="0.25">
      <c r="A490" s="15" t="s">
        <v>68</v>
      </c>
      <c r="B490" s="20" t="s">
        <v>1748</v>
      </c>
      <c r="C490" s="16" t="s">
        <v>998</v>
      </c>
      <c r="D490" s="16" t="s">
        <v>997</v>
      </c>
      <c r="E490" s="16"/>
      <c r="F490" s="16" t="s">
        <v>943</v>
      </c>
    </row>
    <row r="491" spans="1:6" x14ac:dyDescent="0.25">
      <c r="A491" s="15" t="s">
        <v>68</v>
      </c>
      <c r="B491" s="20" t="s">
        <v>1748</v>
      </c>
      <c r="C491" s="16" t="s">
        <v>996</v>
      </c>
      <c r="D491" s="16" t="s">
        <v>995</v>
      </c>
      <c r="E491" s="16"/>
      <c r="F491" s="16" t="s">
        <v>943</v>
      </c>
    </row>
    <row r="492" spans="1:6" x14ac:dyDescent="0.25">
      <c r="A492" s="15" t="s">
        <v>68</v>
      </c>
      <c r="B492" s="20" t="s">
        <v>1748</v>
      </c>
      <c r="C492" s="16" t="s">
        <v>994</v>
      </c>
      <c r="D492" s="16" t="s">
        <v>993</v>
      </c>
      <c r="E492" s="16"/>
      <c r="F492" s="16" t="s">
        <v>943</v>
      </c>
    </row>
    <row r="493" spans="1:6" x14ac:dyDescent="0.25">
      <c r="A493" s="15" t="s">
        <v>68</v>
      </c>
      <c r="B493" s="20" t="s">
        <v>1748</v>
      </c>
      <c r="C493" s="16" t="s">
        <v>992</v>
      </c>
      <c r="D493" s="16" t="s">
        <v>991</v>
      </c>
      <c r="E493" s="16"/>
      <c r="F493" s="16" t="s">
        <v>943</v>
      </c>
    </row>
    <row r="494" spans="1:6" x14ac:dyDescent="0.25">
      <c r="A494" s="15" t="s">
        <v>68</v>
      </c>
      <c r="B494" s="20" t="s">
        <v>1748</v>
      </c>
      <c r="C494" s="16" t="s">
        <v>990</v>
      </c>
      <c r="D494" s="16" t="s">
        <v>989</v>
      </c>
      <c r="E494" s="16"/>
      <c r="F494" s="16" t="s">
        <v>943</v>
      </c>
    </row>
    <row r="495" spans="1:6" ht="24" x14ac:dyDescent="0.25">
      <c r="A495" s="15" t="s">
        <v>68</v>
      </c>
      <c r="B495" s="20" t="s">
        <v>1748</v>
      </c>
      <c r="C495" s="16" t="s">
        <v>988</v>
      </c>
      <c r="D495" s="16" t="s">
        <v>987</v>
      </c>
      <c r="E495" s="16"/>
      <c r="F495" s="16" t="s">
        <v>943</v>
      </c>
    </row>
    <row r="496" spans="1:6" ht="24" x14ac:dyDescent="0.25">
      <c r="A496" s="15" t="s">
        <v>68</v>
      </c>
      <c r="B496" s="20" t="s">
        <v>1748</v>
      </c>
      <c r="C496" s="16" t="s">
        <v>986</v>
      </c>
      <c r="D496" s="16" t="s">
        <v>985</v>
      </c>
      <c r="E496" s="16"/>
      <c r="F496" s="16" t="s">
        <v>943</v>
      </c>
    </row>
    <row r="497" spans="1:6" x14ac:dyDescent="0.25">
      <c r="A497" s="15" t="s">
        <v>68</v>
      </c>
      <c r="B497" s="20" t="s">
        <v>1748</v>
      </c>
      <c r="C497" s="16" t="s">
        <v>984</v>
      </c>
      <c r="D497" s="16" t="s">
        <v>983</v>
      </c>
      <c r="E497" s="16"/>
      <c r="F497" s="16" t="s">
        <v>943</v>
      </c>
    </row>
    <row r="498" spans="1:6" x14ac:dyDescent="0.25">
      <c r="A498" s="15" t="s">
        <v>68</v>
      </c>
      <c r="B498" s="20" t="s">
        <v>1748</v>
      </c>
      <c r="C498" s="16" t="s">
        <v>982</v>
      </c>
      <c r="D498" s="16" t="s">
        <v>981</v>
      </c>
      <c r="E498" s="16"/>
      <c r="F498" s="16" t="s">
        <v>943</v>
      </c>
    </row>
    <row r="499" spans="1:6" x14ac:dyDescent="0.25">
      <c r="A499" s="15" t="s">
        <v>68</v>
      </c>
      <c r="B499" s="20" t="s">
        <v>1748</v>
      </c>
      <c r="C499" s="16" t="s">
        <v>980</v>
      </c>
      <c r="D499" s="16" t="s">
        <v>979</v>
      </c>
      <c r="E499" s="16"/>
      <c r="F499" s="16" t="s">
        <v>943</v>
      </c>
    </row>
    <row r="500" spans="1:6" x14ac:dyDescent="0.25">
      <c r="A500" s="15" t="s">
        <v>68</v>
      </c>
      <c r="B500" s="20" t="s">
        <v>1748</v>
      </c>
      <c r="C500" s="16" t="s">
        <v>978</v>
      </c>
      <c r="D500" s="16" t="s">
        <v>977</v>
      </c>
      <c r="E500" s="16"/>
      <c r="F500" s="16" t="s">
        <v>943</v>
      </c>
    </row>
    <row r="501" spans="1:6" ht="24" x14ac:dyDescent="0.25">
      <c r="A501" s="15" t="s">
        <v>68</v>
      </c>
      <c r="B501" s="20" t="s">
        <v>1748</v>
      </c>
      <c r="C501" s="16" t="s">
        <v>976</v>
      </c>
      <c r="D501" s="16" t="s">
        <v>975</v>
      </c>
      <c r="E501" s="16"/>
      <c r="F501" s="16" t="s">
        <v>943</v>
      </c>
    </row>
    <row r="502" spans="1:6" ht="36" x14ac:dyDescent="0.25">
      <c r="A502" s="15" t="s">
        <v>68</v>
      </c>
      <c r="B502" s="20" t="s">
        <v>1748</v>
      </c>
      <c r="C502" s="16" t="s">
        <v>974</v>
      </c>
      <c r="D502" s="16" t="s">
        <v>973</v>
      </c>
      <c r="E502" s="16"/>
      <c r="F502" s="16" t="s">
        <v>943</v>
      </c>
    </row>
    <row r="503" spans="1:6" ht="36" x14ac:dyDescent="0.25">
      <c r="A503" s="15" t="s">
        <v>68</v>
      </c>
      <c r="B503" s="20" t="s">
        <v>1748</v>
      </c>
      <c r="C503" s="16" t="s">
        <v>972</v>
      </c>
      <c r="D503" s="16" t="s">
        <v>971</v>
      </c>
      <c r="E503" s="16"/>
      <c r="F503" s="16" t="s">
        <v>943</v>
      </c>
    </row>
    <row r="504" spans="1:6" ht="36" x14ac:dyDescent="0.25">
      <c r="A504" s="15" t="s">
        <v>68</v>
      </c>
      <c r="B504" s="20" t="s">
        <v>1748</v>
      </c>
      <c r="C504" s="16" t="s">
        <v>970</v>
      </c>
      <c r="D504" s="16" t="s">
        <v>969</v>
      </c>
      <c r="E504" s="16"/>
      <c r="F504" s="16" t="s">
        <v>943</v>
      </c>
    </row>
    <row r="505" spans="1:6" x14ac:dyDescent="0.25">
      <c r="A505" s="15" t="s">
        <v>68</v>
      </c>
      <c r="B505" s="20" t="s">
        <v>1748</v>
      </c>
      <c r="C505" s="16" t="s">
        <v>968</v>
      </c>
      <c r="D505" s="16" t="s">
        <v>967</v>
      </c>
      <c r="E505" s="16"/>
      <c r="F505" s="16" t="s">
        <v>943</v>
      </c>
    </row>
    <row r="506" spans="1:6" x14ac:dyDescent="0.25">
      <c r="A506" s="15" t="s">
        <v>68</v>
      </c>
      <c r="B506" s="20" t="s">
        <v>1748</v>
      </c>
      <c r="C506" s="16" t="s">
        <v>966</v>
      </c>
      <c r="D506" s="16" t="s">
        <v>965</v>
      </c>
      <c r="E506" s="16"/>
      <c r="F506" s="16" t="s">
        <v>943</v>
      </c>
    </row>
    <row r="507" spans="1:6" x14ac:dyDescent="0.25">
      <c r="A507" s="15" t="s">
        <v>68</v>
      </c>
      <c r="B507" s="20" t="s">
        <v>1748</v>
      </c>
      <c r="C507" s="16" t="s">
        <v>964</v>
      </c>
      <c r="D507" s="16" t="s">
        <v>963</v>
      </c>
      <c r="E507" s="16"/>
      <c r="F507" s="16" t="s">
        <v>943</v>
      </c>
    </row>
    <row r="508" spans="1:6" x14ac:dyDescent="0.25">
      <c r="A508" s="15" t="s">
        <v>68</v>
      </c>
      <c r="B508" s="20" t="s">
        <v>1748</v>
      </c>
      <c r="C508" s="16" t="s">
        <v>962</v>
      </c>
      <c r="D508" s="16" t="s">
        <v>961</v>
      </c>
      <c r="E508" s="16"/>
      <c r="F508" s="16" t="s">
        <v>943</v>
      </c>
    </row>
    <row r="509" spans="1:6" x14ac:dyDescent="0.25">
      <c r="A509" s="15" t="s">
        <v>68</v>
      </c>
      <c r="B509" s="20" t="s">
        <v>1748</v>
      </c>
      <c r="C509" s="16" t="s">
        <v>960</v>
      </c>
      <c r="D509" s="16" t="s">
        <v>959</v>
      </c>
      <c r="E509" s="16"/>
      <c r="F509" s="16" t="s">
        <v>943</v>
      </c>
    </row>
    <row r="510" spans="1:6" x14ac:dyDescent="0.25">
      <c r="A510" s="15" t="s">
        <v>68</v>
      </c>
      <c r="B510" s="20" t="s">
        <v>1748</v>
      </c>
      <c r="C510" s="16" t="s">
        <v>958</v>
      </c>
      <c r="D510" s="16" t="s">
        <v>957</v>
      </c>
      <c r="E510" s="16"/>
      <c r="F510" s="16" t="s">
        <v>943</v>
      </c>
    </row>
    <row r="511" spans="1:6" x14ac:dyDescent="0.25">
      <c r="A511" s="15" t="s">
        <v>68</v>
      </c>
      <c r="B511" s="20" t="s">
        <v>1748</v>
      </c>
      <c r="C511" s="16" t="s">
        <v>956</v>
      </c>
      <c r="D511" s="16" t="s">
        <v>955</v>
      </c>
      <c r="E511" s="16"/>
      <c r="F511" s="16" t="s">
        <v>943</v>
      </c>
    </row>
    <row r="512" spans="1:6" x14ac:dyDescent="0.25">
      <c r="A512" s="15" t="s">
        <v>68</v>
      </c>
      <c r="B512" s="20" t="s">
        <v>1748</v>
      </c>
      <c r="C512" s="16" t="s">
        <v>954</v>
      </c>
      <c r="D512" s="16" t="s">
        <v>953</v>
      </c>
      <c r="E512" s="16"/>
      <c r="F512" s="16" t="s">
        <v>943</v>
      </c>
    </row>
    <row r="513" spans="1:6" x14ac:dyDescent="0.25">
      <c r="A513" s="15" t="s">
        <v>68</v>
      </c>
      <c r="B513" s="20" t="s">
        <v>1748</v>
      </c>
      <c r="C513" s="16" t="s">
        <v>952</v>
      </c>
      <c r="D513" s="16" t="s">
        <v>951</v>
      </c>
      <c r="E513" s="16"/>
      <c r="F513" s="16" t="s">
        <v>943</v>
      </c>
    </row>
    <row r="514" spans="1:6" ht="24" x14ac:dyDescent="0.25">
      <c r="A514" s="15" t="s">
        <v>68</v>
      </c>
      <c r="B514" s="20" t="s">
        <v>1748</v>
      </c>
      <c r="C514" s="16" t="s">
        <v>950</v>
      </c>
      <c r="D514" s="16" t="s">
        <v>949</v>
      </c>
      <c r="E514" s="16"/>
      <c r="F514" s="16" t="s">
        <v>943</v>
      </c>
    </row>
    <row r="515" spans="1:6" ht="24" x14ac:dyDescent="0.25">
      <c r="A515" s="15" t="s">
        <v>68</v>
      </c>
      <c r="B515" s="20" t="s">
        <v>1748</v>
      </c>
      <c r="C515" s="16" t="s">
        <v>948</v>
      </c>
      <c r="D515" s="16" t="s">
        <v>947</v>
      </c>
      <c r="E515" s="16"/>
      <c r="F515" s="16" t="s">
        <v>943</v>
      </c>
    </row>
    <row r="516" spans="1:6" ht="12.75" thickBot="1" x14ac:dyDescent="0.3">
      <c r="A516" s="22" t="s">
        <v>68</v>
      </c>
      <c r="B516" s="23" t="s">
        <v>1748</v>
      </c>
      <c r="C516" s="24" t="s">
        <v>945</v>
      </c>
      <c r="D516" s="24" t="s">
        <v>944</v>
      </c>
      <c r="E516" s="24"/>
      <c r="F516" s="16" t="s">
        <v>943</v>
      </c>
    </row>
    <row r="517" spans="1:6" ht="60.75" thickTop="1" x14ac:dyDescent="0.25">
      <c r="A517" s="25" t="s">
        <v>69</v>
      </c>
      <c r="B517" s="26" t="s">
        <v>793</v>
      </c>
      <c r="C517" s="27" t="s">
        <v>942</v>
      </c>
      <c r="D517" s="27" t="s">
        <v>941</v>
      </c>
      <c r="E517" s="27" t="s">
        <v>940</v>
      </c>
      <c r="F517" s="16" t="s">
        <v>742</v>
      </c>
    </row>
    <row r="518" spans="1:6" ht="24" x14ac:dyDescent="0.25">
      <c r="A518" s="15" t="s">
        <v>69</v>
      </c>
      <c r="B518" s="20" t="s">
        <v>1748</v>
      </c>
      <c r="C518" s="16" t="s">
        <v>939</v>
      </c>
      <c r="D518" s="16" t="s">
        <v>939</v>
      </c>
      <c r="E518" s="16" t="s">
        <v>938</v>
      </c>
      <c r="F518" s="16" t="s">
        <v>742</v>
      </c>
    </row>
    <row r="519" spans="1:6" x14ac:dyDescent="0.25">
      <c r="A519" s="15" t="s">
        <v>69</v>
      </c>
      <c r="B519" s="20" t="s">
        <v>1748</v>
      </c>
      <c r="C519" s="16" t="s">
        <v>937</v>
      </c>
      <c r="D519" s="16" t="s">
        <v>92</v>
      </c>
      <c r="E519" s="16" t="s">
        <v>936</v>
      </c>
      <c r="F519" s="16" t="s">
        <v>742</v>
      </c>
    </row>
    <row r="520" spans="1:6" x14ac:dyDescent="0.25">
      <c r="A520" s="15" t="s">
        <v>69</v>
      </c>
      <c r="B520" s="20" t="s">
        <v>1748</v>
      </c>
      <c r="C520" s="16" t="s">
        <v>935</v>
      </c>
      <c r="D520" s="16" t="s">
        <v>93</v>
      </c>
      <c r="E520" s="16" t="s">
        <v>934</v>
      </c>
      <c r="F520" s="16" t="s">
        <v>742</v>
      </c>
    </row>
    <row r="521" spans="1:6" ht="24" x14ac:dyDescent="0.25">
      <c r="A521" s="15" t="s">
        <v>69</v>
      </c>
      <c r="B521" s="20" t="s">
        <v>1748</v>
      </c>
      <c r="C521" s="16" t="s">
        <v>933</v>
      </c>
      <c r="D521" s="16" t="s">
        <v>94</v>
      </c>
      <c r="E521" s="16" t="s">
        <v>932</v>
      </c>
      <c r="F521" s="16" t="s">
        <v>742</v>
      </c>
    </row>
    <row r="522" spans="1:6" x14ac:dyDescent="0.25">
      <c r="A522" s="15" t="s">
        <v>69</v>
      </c>
      <c r="B522" s="20" t="s">
        <v>1748</v>
      </c>
      <c r="C522" s="16" t="s">
        <v>931</v>
      </c>
      <c r="D522" s="16" t="s">
        <v>930</v>
      </c>
      <c r="E522" s="16" t="s">
        <v>929</v>
      </c>
      <c r="F522" s="16" t="s">
        <v>742</v>
      </c>
    </row>
    <row r="523" spans="1:6" ht="24" x14ac:dyDescent="0.25">
      <c r="A523" s="15" t="s">
        <v>69</v>
      </c>
      <c r="B523" s="20" t="s">
        <v>1748</v>
      </c>
      <c r="C523" s="16" t="s">
        <v>928</v>
      </c>
      <c r="D523" s="16" t="s">
        <v>927</v>
      </c>
      <c r="E523" s="16" t="s">
        <v>926</v>
      </c>
      <c r="F523" s="16" t="s">
        <v>742</v>
      </c>
    </row>
    <row r="524" spans="1:6" ht="24" x14ac:dyDescent="0.25">
      <c r="A524" s="15" t="s">
        <v>69</v>
      </c>
      <c r="B524" s="20" t="s">
        <v>1748</v>
      </c>
      <c r="C524" s="16" t="s">
        <v>925</v>
      </c>
      <c r="D524" s="16" t="s">
        <v>924</v>
      </c>
      <c r="E524" s="16" t="s">
        <v>923</v>
      </c>
      <c r="F524" s="16" t="s">
        <v>742</v>
      </c>
    </row>
    <row r="525" spans="1:6" x14ac:dyDescent="0.25">
      <c r="A525" s="15" t="s">
        <v>69</v>
      </c>
      <c r="B525" s="20" t="s">
        <v>1748</v>
      </c>
      <c r="C525" s="16" t="s">
        <v>922</v>
      </c>
      <c r="D525" s="16" t="s">
        <v>95</v>
      </c>
      <c r="E525" s="16" t="s">
        <v>921</v>
      </c>
      <c r="F525" s="16" t="s">
        <v>742</v>
      </c>
    </row>
    <row r="526" spans="1:6" ht="24" x14ac:dyDescent="0.25">
      <c r="A526" s="15" t="s">
        <v>69</v>
      </c>
      <c r="B526" s="20" t="s">
        <v>1748</v>
      </c>
      <c r="C526" s="16" t="s">
        <v>920</v>
      </c>
      <c r="D526" s="16" t="s">
        <v>96</v>
      </c>
      <c r="E526" s="16" t="s">
        <v>919</v>
      </c>
      <c r="F526" s="16" t="s">
        <v>742</v>
      </c>
    </row>
    <row r="527" spans="1:6" ht="24" x14ac:dyDescent="0.25">
      <c r="A527" s="15" t="s">
        <v>69</v>
      </c>
      <c r="B527" s="20" t="s">
        <v>1748</v>
      </c>
      <c r="C527" s="16" t="s">
        <v>918</v>
      </c>
      <c r="D527" s="16" t="s">
        <v>97</v>
      </c>
      <c r="E527" s="16" t="s">
        <v>917</v>
      </c>
      <c r="F527" s="16" t="s">
        <v>742</v>
      </c>
    </row>
    <row r="528" spans="1:6" ht="36" x14ac:dyDescent="0.25">
      <c r="A528" s="15" t="s">
        <v>69</v>
      </c>
      <c r="B528" s="20" t="s">
        <v>1748</v>
      </c>
      <c r="C528" s="16" t="s">
        <v>916</v>
      </c>
      <c r="D528" s="16" t="s">
        <v>915</v>
      </c>
      <c r="E528" s="16" t="s">
        <v>914</v>
      </c>
      <c r="F528" s="16" t="s">
        <v>742</v>
      </c>
    </row>
    <row r="529" spans="1:6" ht="36" x14ac:dyDescent="0.25">
      <c r="A529" s="15" t="s">
        <v>69</v>
      </c>
      <c r="B529" s="20" t="s">
        <v>1748</v>
      </c>
      <c r="C529" s="16" t="s">
        <v>913</v>
      </c>
      <c r="D529" s="16" t="s">
        <v>912</v>
      </c>
      <c r="E529" s="16" t="s">
        <v>911</v>
      </c>
      <c r="F529" s="16" t="s">
        <v>742</v>
      </c>
    </row>
    <row r="530" spans="1:6" ht="36" x14ac:dyDescent="0.25">
      <c r="A530" s="15" t="s">
        <v>69</v>
      </c>
      <c r="B530" s="20" t="s">
        <v>1748</v>
      </c>
      <c r="C530" s="16" t="s">
        <v>910</v>
      </c>
      <c r="D530" s="16" t="s">
        <v>98</v>
      </c>
      <c r="E530" s="16" t="s">
        <v>909</v>
      </c>
      <c r="F530" s="16" t="s">
        <v>742</v>
      </c>
    </row>
    <row r="531" spans="1:6" x14ac:dyDescent="0.25">
      <c r="A531" s="15" t="s">
        <v>69</v>
      </c>
      <c r="B531" s="20" t="s">
        <v>1748</v>
      </c>
      <c r="C531" s="16" t="s">
        <v>908</v>
      </c>
      <c r="D531" s="16" t="s">
        <v>907</v>
      </c>
      <c r="E531" s="16" t="s">
        <v>906</v>
      </c>
      <c r="F531" s="16" t="s">
        <v>742</v>
      </c>
    </row>
    <row r="532" spans="1:6" x14ac:dyDescent="0.25">
      <c r="A532" s="15" t="s">
        <v>69</v>
      </c>
      <c r="B532" s="20" t="s">
        <v>1748</v>
      </c>
      <c r="C532" s="16" t="s">
        <v>905</v>
      </c>
      <c r="D532" s="16" t="s">
        <v>904</v>
      </c>
      <c r="E532" s="16" t="s">
        <v>903</v>
      </c>
      <c r="F532" s="16" t="s">
        <v>742</v>
      </c>
    </row>
    <row r="533" spans="1:6" x14ac:dyDescent="0.25">
      <c r="A533" s="15" t="s">
        <v>69</v>
      </c>
      <c r="B533" s="20" t="s">
        <v>1748</v>
      </c>
      <c r="C533" s="16" t="s">
        <v>902</v>
      </c>
      <c r="D533" s="16" t="s">
        <v>901</v>
      </c>
      <c r="E533" s="16" t="s">
        <v>900</v>
      </c>
      <c r="F533" s="16" t="s">
        <v>742</v>
      </c>
    </row>
    <row r="534" spans="1:6" x14ac:dyDescent="0.25">
      <c r="A534" s="15" t="s">
        <v>69</v>
      </c>
      <c r="B534" s="20" t="s">
        <v>1748</v>
      </c>
      <c r="C534" s="16" t="s">
        <v>899</v>
      </c>
      <c r="D534" s="16" t="s">
        <v>898</v>
      </c>
      <c r="E534" s="16" t="s">
        <v>897</v>
      </c>
      <c r="F534" s="16" t="s">
        <v>742</v>
      </c>
    </row>
    <row r="535" spans="1:6" ht="60" x14ac:dyDescent="0.25">
      <c r="A535" s="15" t="s">
        <v>69</v>
      </c>
      <c r="B535" s="20" t="s">
        <v>1748</v>
      </c>
      <c r="C535" s="16" t="s">
        <v>896</v>
      </c>
      <c r="D535" s="16" t="s">
        <v>895</v>
      </c>
      <c r="E535" s="16" t="s">
        <v>894</v>
      </c>
      <c r="F535" s="16" t="s">
        <v>742</v>
      </c>
    </row>
    <row r="536" spans="1:6" ht="36" x14ac:dyDescent="0.25">
      <c r="A536" s="15" t="s">
        <v>69</v>
      </c>
      <c r="B536" s="20" t="s">
        <v>1748</v>
      </c>
      <c r="C536" s="16" t="s">
        <v>893</v>
      </c>
      <c r="D536" s="16" t="s">
        <v>892</v>
      </c>
      <c r="E536" s="16" t="s">
        <v>891</v>
      </c>
      <c r="F536" s="16" t="s">
        <v>742</v>
      </c>
    </row>
    <row r="537" spans="1:6" ht="24" x14ac:dyDescent="0.25">
      <c r="A537" s="15" t="s">
        <v>69</v>
      </c>
      <c r="B537" s="20" t="s">
        <v>1748</v>
      </c>
      <c r="C537" s="16" t="s">
        <v>890</v>
      </c>
      <c r="D537" s="16" t="s">
        <v>889</v>
      </c>
      <c r="E537" s="16" t="s">
        <v>888</v>
      </c>
      <c r="F537" s="16" t="s">
        <v>742</v>
      </c>
    </row>
    <row r="538" spans="1:6" ht="24" x14ac:dyDescent="0.25">
      <c r="A538" s="15" t="s">
        <v>69</v>
      </c>
      <c r="B538" s="20" t="s">
        <v>1748</v>
      </c>
      <c r="C538" s="16" t="s">
        <v>887</v>
      </c>
      <c r="D538" s="16" t="s">
        <v>886</v>
      </c>
      <c r="E538" s="16" t="s">
        <v>885</v>
      </c>
      <c r="F538" s="16" t="s">
        <v>742</v>
      </c>
    </row>
    <row r="539" spans="1:6" ht="24" x14ac:dyDescent="0.25">
      <c r="A539" s="15" t="s">
        <v>69</v>
      </c>
      <c r="B539" s="20" t="s">
        <v>1748</v>
      </c>
      <c r="C539" s="16" t="s">
        <v>884</v>
      </c>
      <c r="D539" s="16" t="s">
        <v>883</v>
      </c>
      <c r="E539" s="16" t="s">
        <v>882</v>
      </c>
      <c r="F539" s="16" t="s">
        <v>742</v>
      </c>
    </row>
    <row r="540" spans="1:6" ht="24" x14ac:dyDescent="0.25">
      <c r="A540" s="15" t="s">
        <v>69</v>
      </c>
      <c r="B540" s="20" t="s">
        <v>1748</v>
      </c>
      <c r="C540" s="16" t="s">
        <v>881</v>
      </c>
      <c r="D540" s="16" t="s">
        <v>880</v>
      </c>
      <c r="E540" s="16" t="s">
        <v>879</v>
      </c>
      <c r="F540" s="16" t="s">
        <v>742</v>
      </c>
    </row>
    <row r="541" spans="1:6" ht="24" x14ac:dyDescent="0.25">
      <c r="A541" s="15" t="s">
        <v>69</v>
      </c>
      <c r="B541" s="20" t="s">
        <v>1748</v>
      </c>
      <c r="C541" s="16" t="s">
        <v>878</v>
      </c>
      <c r="D541" s="16" t="s">
        <v>877</v>
      </c>
      <c r="E541" s="16" t="s">
        <v>876</v>
      </c>
      <c r="F541" s="16" t="s">
        <v>742</v>
      </c>
    </row>
    <row r="542" spans="1:6" ht="36" x14ac:dyDescent="0.25">
      <c r="A542" s="15" t="s">
        <v>69</v>
      </c>
      <c r="B542" s="20" t="s">
        <v>1748</v>
      </c>
      <c r="C542" s="16" t="s">
        <v>875</v>
      </c>
      <c r="D542" s="16" t="s">
        <v>874</v>
      </c>
      <c r="E542" s="16" t="s">
        <v>873</v>
      </c>
      <c r="F542" s="16" t="s">
        <v>742</v>
      </c>
    </row>
    <row r="543" spans="1:6" ht="36" x14ac:dyDescent="0.25">
      <c r="A543" s="15" t="s">
        <v>69</v>
      </c>
      <c r="B543" s="20" t="s">
        <v>1748</v>
      </c>
      <c r="C543" s="16" t="s">
        <v>872</v>
      </c>
      <c r="D543" s="16" t="s">
        <v>871</v>
      </c>
      <c r="E543" s="16" t="s">
        <v>870</v>
      </c>
      <c r="F543" s="16" t="s">
        <v>742</v>
      </c>
    </row>
    <row r="544" spans="1:6" ht="36" x14ac:dyDescent="0.25">
      <c r="A544" s="15" t="s">
        <v>69</v>
      </c>
      <c r="B544" s="20" t="s">
        <v>1748</v>
      </c>
      <c r="C544" s="16" t="s">
        <v>869</v>
      </c>
      <c r="D544" s="16" t="s">
        <v>868</v>
      </c>
      <c r="E544" s="16" t="s">
        <v>867</v>
      </c>
      <c r="F544" s="16" t="s">
        <v>742</v>
      </c>
    </row>
    <row r="545" spans="1:6" ht="36" x14ac:dyDescent="0.25">
      <c r="A545" s="15" t="s">
        <v>69</v>
      </c>
      <c r="B545" s="20" t="s">
        <v>1748</v>
      </c>
      <c r="C545" s="16" t="s">
        <v>866</v>
      </c>
      <c r="D545" s="16" t="s">
        <v>865</v>
      </c>
      <c r="E545" s="16" t="s">
        <v>864</v>
      </c>
      <c r="F545" s="16" t="s">
        <v>742</v>
      </c>
    </row>
    <row r="546" spans="1:6" ht="36" x14ac:dyDescent="0.25">
      <c r="A546" s="15" t="s">
        <v>69</v>
      </c>
      <c r="B546" s="20" t="s">
        <v>1748</v>
      </c>
      <c r="C546" s="16" t="s">
        <v>863</v>
      </c>
      <c r="D546" s="16" t="s">
        <v>862</v>
      </c>
      <c r="E546" s="16" t="s">
        <v>861</v>
      </c>
      <c r="F546" s="16" t="s">
        <v>742</v>
      </c>
    </row>
    <row r="547" spans="1:6" ht="36" x14ac:dyDescent="0.25">
      <c r="A547" s="15" t="s">
        <v>69</v>
      </c>
      <c r="B547" s="20" t="s">
        <v>1748</v>
      </c>
      <c r="C547" s="16" t="s">
        <v>860</v>
      </c>
      <c r="D547" s="16" t="s">
        <v>859</v>
      </c>
      <c r="E547" s="16" t="s">
        <v>858</v>
      </c>
      <c r="F547" s="16" t="s">
        <v>742</v>
      </c>
    </row>
    <row r="548" spans="1:6" ht="36" x14ac:dyDescent="0.25">
      <c r="A548" s="15" t="s">
        <v>69</v>
      </c>
      <c r="B548" s="20" t="s">
        <v>1748</v>
      </c>
      <c r="C548" s="16" t="s">
        <v>857</v>
      </c>
      <c r="D548" s="16" t="s">
        <v>856</v>
      </c>
      <c r="E548" s="16" t="s">
        <v>855</v>
      </c>
      <c r="F548" s="16" t="s">
        <v>742</v>
      </c>
    </row>
    <row r="549" spans="1:6" ht="36" x14ac:dyDescent="0.25">
      <c r="A549" s="15" t="s">
        <v>69</v>
      </c>
      <c r="B549" s="20" t="s">
        <v>1748</v>
      </c>
      <c r="C549" s="16" t="s">
        <v>854</v>
      </c>
      <c r="D549" s="16" t="s">
        <v>853</v>
      </c>
      <c r="E549" s="16" t="s">
        <v>852</v>
      </c>
      <c r="F549" s="16" t="s">
        <v>742</v>
      </c>
    </row>
    <row r="550" spans="1:6" ht="36" x14ac:dyDescent="0.25">
      <c r="A550" s="15" t="s">
        <v>69</v>
      </c>
      <c r="B550" s="20" t="s">
        <v>1748</v>
      </c>
      <c r="C550" s="16" t="s">
        <v>851</v>
      </c>
      <c r="D550" s="16" t="s">
        <v>850</v>
      </c>
      <c r="E550" s="16" t="s">
        <v>849</v>
      </c>
      <c r="F550" s="16" t="s">
        <v>742</v>
      </c>
    </row>
    <row r="551" spans="1:6" ht="36" x14ac:dyDescent="0.25">
      <c r="A551" s="15" t="s">
        <v>69</v>
      </c>
      <c r="B551" s="20" t="s">
        <v>1748</v>
      </c>
      <c r="C551" s="16" t="s">
        <v>848</v>
      </c>
      <c r="D551" s="16" t="s">
        <v>847</v>
      </c>
      <c r="E551" s="16" t="s">
        <v>846</v>
      </c>
      <c r="F551" s="16" t="s">
        <v>742</v>
      </c>
    </row>
    <row r="552" spans="1:6" ht="36" x14ac:dyDescent="0.25">
      <c r="A552" s="15" t="s">
        <v>69</v>
      </c>
      <c r="B552" s="20" t="s">
        <v>1748</v>
      </c>
      <c r="C552" s="16" t="s">
        <v>845</v>
      </c>
      <c r="D552" s="16" t="s">
        <v>844</v>
      </c>
      <c r="E552" s="16" t="s">
        <v>843</v>
      </c>
      <c r="F552" s="16" t="s">
        <v>742</v>
      </c>
    </row>
    <row r="553" spans="1:6" ht="36" x14ac:dyDescent="0.25">
      <c r="A553" s="15" t="s">
        <v>69</v>
      </c>
      <c r="B553" s="20" t="s">
        <v>1748</v>
      </c>
      <c r="C553" s="16" t="s">
        <v>842</v>
      </c>
      <c r="D553" s="16" t="s">
        <v>841</v>
      </c>
      <c r="E553" s="16" t="s">
        <v>840</v>
      </c>
      <c r="F553" s="16" t="s">
        <v>742</v>
      </c>
    </row>
    <row r="554" spans="1:6" ht="36" x14ac:dyDescent="0.25">
      <c r="A554" s="15" t="s">
        <v>69</v>
      </c>
      <c r="B554" s="20" t="s">
        <v>1748</v>
      </c>
      <c r="C554" s="16" t="s">
        <v>839</v>
      </c>
      <c r="D554" s="16" t="s">
        <v>838</v>
      </c>
      <c r="E554" s="16" t="s">
        <v>837</v>
      </c>
      <c r="F554" s="16" t="s">
        <v>742</v>
      </c>
    </row>
    <row r="555" spans="1:6" ht="36" x14ac:dyDescent="0.25">
      <c r="A555" s="15" t="s">
        <v>69</v>
      </c>
      <c r="B555" s="20" t="s">
        <v>1748</v>
      </c>
      <c r="C555" s="16" t="s">
        <v>836</v>
      </c>
      <c r="D555" s="16" t="s">
        <v>835</v>
      </c>
      <c r="E555" s="16" t="s">
        <v>834</v>
      </c>
      <c r="F555" s="16" t="s">
        <v>742</v>
      </c>
    </row>
    <row r="556" spans="1:6" ht="48" x14ac:dyDescent="0.25">
      <c r="A556" s="15" t="s">
        <v>69</v>
      </c>
      <c r="B556" s="20" t="s">
        <v>1748</v>
      </c>
      <c r="C556" s="16" t="s">
        <v>833</v>
      </c>
      <c r="D556" s="16" t="s">
        <v>832</v>
      </c>
      <c r="E556" s="16" t="s">
        <v>831</v>
      </c>
      <c r="F556" s="16" t="s">
        <v>742</v>
      </c>
    </row>
    <row r="557" spans="1:6" ht="36" x14ac:dyDescent="0.25">
      <c r="A557" s="15" t="s">
        <v>69</v>
      </c>
      <c r="B557" s="20" t="s">
        <v>1748</v>
      </c>
      <c r="C557" s="16" t="s">
        <v>830</v>
      </c>
      <c r="D557" s="16" t="s">
        <v>829</v>
      </c>
      <c r="E557" s="16" t="s">
        <v>828</v>
      </c>
      <c r="F557" s="16" t="s">
        <v>742</v>
      </c>
    </row>
    <row r="558" spans="1:6" ht="36" x14ac:dyDescent="0.25">
      <c r="A558" s="15" t="s">
        <v>69</v>
      </c>
      <c r="B558" s="20" t="s">
        <v>1748</v>
      </c>
      <c r="C558" s="16" t="s">
        <v>827</v>
      </c>
      <c r="D558" s="16" t="s">
        <v>826</v>
      </c>
      <c r="E558" s="16" t="s">
        <v>825</v>
      </c>
      <c r="F558" s="16" t="s">
        <v>742</v>
      </c>
    </row>
    <row r="559" spans="1:6" ht="24" x14ac:dyDescent="0.25">
      <c r="A559" s="15" t="s">
        <v>69</v>
      </c>
      <c r="B559" s="20" t="s">
        <v>1748</v>
      </c>
      <c r="C559" s="16" t="s">
        <v>824</v>
      </c>
      <c r="D559" s="16" t="s">
        <v>824</v>
      </c>
      <c r="E559" s="16" t="s">
        <v>823</v>
      </c>
      <c r="F559" s="16" t="s">
        <v>742</v>
      </c>
    </row>
    <row r="560" spans="1:6" ht="24" x14ac:dyDescent="0.25">
      <c r="A560" s="15" t="s">
        <v>69</v>
      </c>
      <c r="B560" s="20" t="s">
        <v>1748</v>
      </c>
      <c r="C560" s="16" t="s">
        <v>822</v>
      </c>
      <c r="D560" s="16" t="s">
        <v>822</v>
      </c>
      <c r="E560" s="16" t="s">
        <v>821</v>
      </c>
      <c r="F560" s="16" t="s">
        <v>742</v>
      </c>
    </row>
    <row r="561" spans="1:6" x14ac:dyDescent="0.25">
      <c r="A561" s="15" t="s">
        <v>69</v>
      </c>
      <c r="B561" s="20" t="s">
        <v>1748</v>
      </c>
      <c r="C561" s="16" t="s">
        <v>820</v>
      </c>
      <c r="D561" s="16" t="s">
        <v>820</v>
      </c>
      <c r="E561" s="16" t="s">
        <v>819</v>
      </c>
      <c r="F561" s="16" t="s">
        <v>742</v>
      </c>
    </row>
    <row r="562" spans="1:6" ht="36" x14ac:dyDescent="0.25">
      <c r="A562" s="15" t="s">
        <v>69</v>
      </c>
      <c r="B562" s="20" t="s">
        <v>1748</v>
      </c>
      <c r="C562" s="16" t="s">
        <v>818</v>
      </c>
      <c r="D562" s="16" t="s">
        <v>818</v>
      </c>
      <c r="E562" s="16" t="s">
        <v>817</v>
      </c>
      <c r="F562" s="16" t="s">
        <v>742</v>
      </c>
    </row>
    <row r="563" spans="1:6" ht="36" x14ac:dyDescent="0.25">
      <c r="A563" s="15" t="s">
        <v>69</v>
      </c>
      <c r="B563" s="20" t="s">
        <v>1748</v>
      </c>
      <c r="C563" s="16" t="s">
        <v>816</v>
      </c>
      <c r="D563" s="16" t="s">
        <v>816</v>
      </c>
      <c r="E563" s="16" t="s">
        <v>815</v>
      </c>
      <c r="F563" s="16" t="s">
        <v>742</v>
      </c>
    </row>
    <row r="564" spans="1:6" ht="24" x14ac:dyDescent="0.25">
      <c r="A564" s="15" t="s">
        <v>69</v>
      </c>
      <c r="B564" s="20" t="s">
        <v>1748</v>
      </c>
      <c r="C564" s="16" t="s">
        <v>814</v>
      </c>
      <c r="D564" s="16" t="s">
        <v>814</v>
      </c>
      <c r="E564" s="16" t="s">
        <v>813</v>
      </c>
      <c r="F564" s="16" t="s">
        <v>742</v>
      </c>
    </row>
    <row r="565" spans="1:6" ht="24" x14ac:dyDescent="0.25">
      <c r="A565" s="15" t="s">
        <v>69</v>
      </c>
      <c r="B565" s="20" t="s">
        <v>1748</v>
      </c>
      <c r="C565" s="16" t="s">
        <v>812</v>
      </c>
      <c r="D565" s="16" t="s">
        <v>812</v>
      </c>
      <c r="E565" s="16" t="s">
        <v>811</v>
      </c>
      <c r="F565" s="16" t="s">
        <v>742</v>
      </c>
    </row>
    <row r="566" spans="1:6" ht="24" x14ac:dyDescent="0.25">
      <c r="A566" s="15" t="s">
        <v>69</v>
      </c>
      <c r="B566" s="20" t="s">
        <v>1748</v>
      </c>
      <c r="C566" s="16" t="s">
        <v>810</v>
      </c>
      <c r="D566" s="16" t="s">
        <v>810</v>
      </c>
      <c r="E566" s="16" t="s">
        <v>809</v>
      </c>
      <c r="F566" s="16" t="s">
        <v>742</v>
      </c>
    </row>
    <row r="567" spans="1:6" ht="36" x14ac:dyDescent="0.25">
      <c r="A567" s="15" t="s">
        <v>69</v>
      </c>
      <c r="B567" s="20" t="s">
        <v>1748</v>
      </c>
      <c r="C567" s="16" t="s">
        <v>808</v>
      </c>
      <c r="D567" s="16" t="s">
        <v>807</v>
      </c>
      <c r="E567" s="16" t="s">
        <v>806</v>
      </c>
      <c r="F567" s="16" t="s">
        <v>742</v>
      </c>
    </row>
    <row r="568" spans="1:6" ht="48" x14ac:dyDescent="0.25">
      <c r="A568" s="15" t="s">
        <v>69</v>
      </c>
      <c r="B568" s="20" t="s">
        <v>1748</v>
      </c>
      <c r="C568" s="16" t="s">
        <v>805</v>
      </c>
      <c r="D568" s="16" t="s">
        <v>804</v>
      </c>
      <c r="E568" s="16" t="s">
        <v>803</v>
      </c>
      <c r="F568" s="16" t="s">
        <v>742</v>
      </c>
    </row>
    <row r="569" spans="1:6" ht="36" x14ac:dyDescent="0.25">
      <c r="A569" s="15" t="s">
        <v>69</v>
      </c>
      <c r="B569" s="20" t="s">
        <v>1748</v>
      </c>
      <c r="C569" s="16" t="s">
        <v>802</v>
      </c>
      <c r="D569" s="16" t="s">
        <v>801</v>
      </c>
      <c r="E569" s="16" t="s">
        <v>800</v>
      </c>
      <c r="F569" s="16" t="s">
        <v>742</v>
      </c>
    </row>
    <row r="570" spans="1:6" ht="48" x14ac:dyDescent="0.25">
      <c r="A570" s="15" t="s">
        <v>69</v>
      </c>
      <c r="B570" s="20" t="s">
        <v>1748</v>
      </c>
      <c r="C570" s="16" t="s">
        <v>799</v>
      </c>
      <c r="D570" s="16" t="s">
        <v>798</v>
      </c>
      <c r="E570" s="16" t="s">
        <v>797</v>
      </c>
      <c r="F570" s="16" t="s">
        <v>742</v>
      </c>
    </row>
    <row r="571" spans="1:6" ht="48" x14ac:dyDescent="0.25">
      <c r="A571" s="15" t="s">
        <v>69</v>
      </c>
      <c r="B571" s="20" t="s">
        <v>1748</v>
      </c>
      <c r="C571" s="16" t="s">
        <v>796</v>
      </c>
      <c r="D571" s="16" t="s">
        <v>795</v>
      </c>
      <c r="E571" s="16" t="s">
        <v>794</v>
      </c>
      <c r="F571" s="16" t="s">
        <v>742</v>
      </c>
    </row>
    <row r="572" spans="1:6" ht="48.75" thickBot="1" x14ac:dyDescent="0.3">
      <c r="A572" s="22" t="s">
        <v>69</v>
      </c>
      <c r="B572" s="23" t="s">
        <v>1748</v>
      </c>
      <c r="C572" s="24" t="s">
        <v>792</v>
      </c>
      <c r="D572" s="24" t="s">
        <v>791</v>
      </c>
      <c r="E572" s="24" t="s">
        <v>790</v>
      </c>
      <c r="F572" s="16" t="s">
        <v>742</v>
      </c>
    </row>
    <row r="573" spans="1:6" ht="108.75" thickTop="1" x14ac:dyDescent="0.25">
      <c r="A573" s="25" t="s">
        <v>70</v>
      </c>
      <c r="B573" s="26" t="s">
        <v>759</v>
      </c>
      <c r="C573" s="27" t="s">
        <v>789</v>
      </c>
      <c r="D573" s="27" t="s">
        <v>788</v>
      </c>
      <c r="E573" s="27" t="s">
        <v>787</v>
      </c>
      <c r="F573" s="16" t="s">
        <v>742</v>
      </c>
    </row>
    <row r="574" spans="1:6" ht="144" x14ac:dyDescent="0.25">
      <c r="A574" s="15" t="s">
        <v>70</v>
      </c>
      <c r="B574" s="20" t="s">
        <v>1748</v>
      </c>
      <c r="C574" s="16" t="s">
        <v>786</v>
      </c>
      <c r="D574" s="16" t="s">
        <v>785</v>
      </c>
      <c r="E574" s="16" t="s">
        <v>784</v>
      </c>
      <c r="F574" s="16" t="s">
        <v>742</v>
      </c>
    </row>
    <row r="575" spans="1:6" ht="144" x14ac:dyDescent="0.25">
      <c r="A575" s="15" t="s">
        <v>70</v>
      </c>
      <c r="B575" s="20" t="s">
        <v>1748</v>
      </c>
      <c r="C575" s="16" t="s">
        <v>783</v>
      </c>
      <c r="D575" s="16" t="s">
        <v>782</v>
      </c>
      <c r="E575" s="16" t="s">
        <v>781</v>
      </c>
      <c r="F575" s="16" t="s">
        <v>742</v>
      </c>
    </row>
    <row r="576" spans="1:6" ht="48" x14ac:dyDescent="0.25">
      <c r="A576" s="15" t="s">
        <v>70</v>
      </c>
      <c r="B576" s="20" t="s">
        <v>1748</v>
      </c>
      <c r="C576" s="16" t="s">
        <v>780</v>
      </c>
      <c r="D576" s="16" t="s">
        <v>779</v>
      </c>
      <c r="E576" s="16" t="s">
        <v>778</v>
      </c>
      <c r="F576" s="16" t="s">
        <v>742</v>
      </c>
    </row>
    <row r="577" spans="1:6" ht="108" x14ac:dyDescent="0.25">
      <c r="A577" s="15" t="s">
        <v>70</v>
      </c>
      <c r="B577" s="20" t="s">
        <v>1748</v>
      </c>
      <c r="C577" s="16" t="s">
        <v>777</v>
      </c>
      <c r="D577" s="16" t="s">
        <v>776</v>
      </c>
      <c r="E577" s="16" t="s">
        <v>775</v>
      </c>
      <c r="F577" s="16" t="s">
        <v>742</v>
      </c>
    </row>
    <row r="578" spans="1:6" ht="84" x14ac:dyDescent="0.25">
      <c r="A578" s="15" t="s">
        <v>70</v>
      </c>
      <c r="B578" s="20" t="s">
        <v>1748</v>
      </c>
      <c r="C578" s="16" t="s">
        <v>774</v>
      </c>
      <c r="D578" s="16" t="s">
        <v>773</v>
      </c>
      <c r="E578" s="16" t="s">
        <v>772</v>
      </c>
      <c r="F578" s="16" t="s">
        <v>742</v>
      </c>
    </row>
    <row r="579" spans="1:6" ht="84" x14ac:dyDescent="0.25">
      <c r="A579" s="15" t="s">
        <v>70</v>
      </c>
      <c r="B579" s="20" t="s">
        <v>1748</v>
      </c>
      <c r="C579" s="16" t="s">
        <v>771</v>
      </c>
      <c r="D579" s="16" t="s">
        <v>770</v>
      </c>
      <c r="E579" s="16" t="s">
        <v>769</v>
      </c>
      <c r="F579" s="16" t="s">
        <v>742</v>
      </c>
    </row>
    <row r="580" spans="1:6" ht="72" x14ac:dyDescent="0.25">
      <c r="A580" s="15" t="s">
        <v>70</v>
      </c>
      <c r="B580" s="20" t="s">
        <v>1748</v>
      </c>
      <c r="C580" s="16" t="s">
        <v>768</v>
      </c>
      <c r="D580" s="16" t="s">
        <v>767</v>
      </c>
      <c r="E580" s="16" t="s">
        <v>766</v>
      </c>
      <c r="F580" s="16" t="s">
        <v>742</v>
      </c>
    </row>
    <row r="581" spans="1:6" ht="84" x14ac:dyDescent="0.25">
      <c r="A581" s="15" t="s">
        <v>70</v>
      </c>
      <c r="B581" s="20" t="s">
        <v>1748</v>
      </c>
      <c r="C581" s="16" t="s">
        <v>765</v>
      </c>
      <c r="D581" s="16" t="s">
        <v>764</v>
      </c>
      <c r="E581" s="16" t="s">
        <v>763</v>
      </c>
      <c r="F581" s="16" t="s">
        <v>742</v>
      </c>
    </row>
    <row r="582" spans="1:6" ht="60" x14ac:dyDescent="0.25">
      <c r="A582" s="15" t="s">
        <v>70</v>
      </c>
      <c r="B582" s="20" t="s">
        <v>1748</v>
      </c>
      <c r="C582" s="16" t="s">
        <v>762</v>
      </c>
      <c r="D582" s="16" t="s">
        <v>761</v>
      </c>
      <c r="E582" s="16" t="s">
        <v>760</v>
      </c>
      <c r="F582" s="16" t="s">
        <v>742</v>
      </c>
    </row>
    <row r="583" spans="1:6" ht="48.75" thickBot="1" x14ac:dyDescent="0.3">
      <c r="A583" s="22" t="s">
        <v>70</v>
      </c>
      <c r="B583" s="23" t="s">
        <v>1748</v>
      </c>
      <c r="C583" s="24" t="s">
        <v>322</v>
      </c>
      <c r="D583" s="24" t="s">
        <v>321</v>
      </c>
      <c r="E583" s="24" t="s">
        <v>758</v>
      </c>
      <c r="F583" s="16" t="s">
        <v>742</v>
      </c>
    </row>
    <row r="584" spans="1:6" ht="49.5" thickTop="1" thickBot="1" x14ac:dyDescent="0.3">
      <c r="A584" s="28" t="s">
        <v>71</v>
      </c>
      <c r="B584" s="29" t="s">
        <v>757</v>
      </c>
      <c r="C584" s="30"/>
      <c r="D584" s="30"/>
      <c r="E584" s="30"/>
      <c r="F584" s="16" t="s">
        <v>742</v>
      </c>
    </row>
    <row r="585" spans="1:6" ht="61.5" thickTop="1" thickBot="1" x14ac:dyDescent="0.3">
      <c r="A585" s="28" t="s">
        <v>72</v>
      </c>
      <c r="B585" s="29" t="s">
        <v>756</v>
      </c>
      <c r="C585" s="30"/>
      <c r="D585" s="30"/>
      <c r="E585" s="30"/>
      <c r="F585" s="16" t="s">
        <v>742</v>
      </c>
    </row>
    <row r="586" spans="1:6" ht="132.75" thickTop="1" x14ac:dyDescent="0.25">
      <c r="A586" s="25" t="s">
        <v>73</v>
      </c>
      <c r="B586" s="26" t="s">
        <v>752</v>
      </c>
      <c r="C586" s="27" t="s">
        <v>210</v>
      </c>
      <c r="D586" s="27" t="s">
        <v>755</v>
      </c>
      <c r="E586" s="27"/>
      <c r="F586" s="16" t="s">
        <v>742</v>
      </c>
    </row>
    <row r="587" spans="1:6" ht="24" x14ac:dyDescent="0.25">
      <c r="A587" s="15" t="s">
        <v>73</v>
      </c>
      <c r="B587" s="20" t="s">
        <v>1748</v>
      </c>
      <c r="C587" s="16" t="s">
        <v>154</v>
      </c>
      <c r="D587" s="16" t="s">
        <v>754</v>
      </c>
      <c r="E587" s="16"/>
      <c r="F587" s="16" t="s">
        <v>742</v>
      </c>
    </row>
    <row r="588" spans="1:6" ht="24" x14ac:dyDescent="0.25">
      <c r="A588" s="15" t="s">
        <v>73</v>
      </c>
      <c r="B588" s="20" t="s">
        <v>1748</v>
      </c>
      <c r="C588" s="16" t="s">
        <v>753</v>
      </c>
      <c r="D588" s="16" t="s">
        <v>669</v>
      </c>
      <c r="E588" s="16"/>
      <c r="F588" s="16" t="s">
        <v>742</v>
      </c>
    </row>
    <row r="589" spans="1:6" ht="24.75" thickBot="1" x14ac:dyDescent="0.3">
      <c r="A589" s="22" t="s">
        <v>73</v>
      </c>
      <c r="B589" s="23" t="s">
        <v>1748</v>
      </c>
      <c r="C589" s="24" t="s">
        <v>751</v>
      </c>
      <c r="D589" s="24" t="s">
        <v>750</v>
      </c>
      <c r="E589" s="24"/>
      <c r="F589" s="16" t="s">
        <v>742</v>
      </c>
    </row>
    <row r="590" spans="1:6" ht="73.5" thickTop="1" thickBot="1" x14ac:dyDescent="0.3">
      <c r="A590" s="28" t="s">
        <v>74</v>
      </c>
      <c r="B590" s="29" t="s">
        <v>749</v>
      </c>
      <c r="C590" s="30"/>
      <c r="D590" s="30"/>
      <c r="E590" s="30"/>
      <c r="F590" s="16" t="s">
        <v>742</v>
      </c>
    </row>
    <row r="591" spans="1:6" ht="73.5" thickTop="1" thickBot="1" x14ac:dyDescent="0.3">
      <c r="A591" s="28" t="s">
        <v>75</v>
      </c>
      <c r="B591" s="29" t="s">
        <v>748</v>
      </c>
      <c r="C591" s="30"/>
      <c r="D591" s="30"/>
      <c r="E591" s="30"/>
      <c r="F591" s="16" t="s">
        <v>742</v>
      </c>
    </row>
    <row r="592" spans="1:6" ht="85.5" thickTop="1" thickBot="1" x14ac:dyDescent="0.3">
      <c r="A592" s="28" t="s">
        <v>76</v>
      </c>
      <c r="B592" s="29" t="s">
        <v>747</v>
      </c>
      <c r="C592" s="30"/>
      <c r="D592" s="30"/>
      <c r="E592" s="30"/>
      <c r="F592" s="16" t="s">
        <v>742</v>
      </c>
    </row>
    <row r="593" spans="1:6" ht="37.5" thickTop="1" thickBot="1" x14ac:dyDescent="0.3">
      <c r="A593" s="28" t="s">
        <v>77</v>
      </c>
      <c r="B593" s="29" t="s">
        <v>746</v>
      </c>
      <c r="C593" s="30"/>
      <c r="D593" s="30"/>
      <c r="E593" s="30"/>
      <c r="F593" s="16" t="s">
        <v>742</v>
      </c>
    </row>
    <row r="594" spans="1:6" ht="61.5" thickTop="1" thickBot="1" x14ac:dyDescent="0.3">
      <c r="A594" s="28" t="s">
        <v>78</v>
      </c>
      <c r="B594" s="29" t="s">
        <v>745</v>
      </c>
      <c r="C594" s="30"/>
      <c r="D594" s="30"/>
      <c r="E594" s="30"/>
      <c r="F594" s="16" t="s">
        <v>742</v>
      </c>
    </row>
    <row r="595" spans="1:6" ht="217.5" thickTop="1" thickBot="1" x14ac:dyDescent="0.3">
      <c r="A595" s="28" t="s">
        <v>79</v>
      </c>
      <c r="B595" s="29" t="s">
        <v>744</v>
      </c>
      <c r="C595" s="30"/>
      <c r="D595" s="30"/>
      <c r="E595" s="30"/>
      <c r="F595" s="16" t="s">
        <v>742</v>
      </c>
    </row>
    <row r="596" spans="1:6" ht="25.5" thickTop="1" thickBot="1" x14ac:dyDescent="0.3">
      <c r="A596" s="28" t="s">
        <v>80</v>
      </c>
      <c r="B596" s="29" t="s">
        <v>743</v>
      </c>
      <c r="C596" s="30"/>
      <c r="D596" s="30"/>
      <c r="E596" s="30"/>
      <c r="F596" s="16" t="s">
        <v>742</v>
      </c>
    </row>
    <row r="597" spans="1:6" ht="121.5" thickTop="1" thickBot="1" x14ac:dyDescent="0.3">
      <c r="A597" s="28" t="s">
        <v>9</v>
      </c>
      <c r="B597" s="29" t="s">
        <v>741</v>
      </c>
      <c r="C597" s="30"/>
      <c r="D597" s="30"/>
      <c r="E597" s="30"/>
      <c r="F597" s="16" t="s">
        <v>740</v>
      </c>
    </row>
    <row r="598" spans="1:6" ht="229.5" thickTop="1" thickBot="1" x14ac:dyDescent="0.3">
      <c r="A598" s="28" t="s">
        <v>11</v>
      </c>
      <c r="B598" s="29" t="s">
        <v>739</v>
      </c>
      <c r="C598" s="30"/>
      <c r="D598" s="30"/>
      <c r="E598" s="30"/>
      <c r="F598" s="16" t="s">
        <v>738</v>
      </c>
    </row>
    <row r="599" spans="1:6" ht="109.5" thickTop="1" thickBot="1" x14ac:dyDescent="0.3">
      <c r="A599" s="28" t="s">
        <v>737</v>
      </c>
      <c r="B599" s="29" t="s">
        <v>736</v>
      </c>
      <c r="C599" s="30"/>
      <c r="D599" s="30"/>
      <c r="E599" s="30"/>
      <c r="F599" s="16" t="s">
        <v>362</v>
      </c>
    </row>
    <row r="600" spans="1:6" ht="36.75" thickTop="1" x14ac:dyDescent="0.25">
      <c r="A600" s="25" t="s">
        <v>728</v>
      </c>
      <c r="B600" s="26" t="s">
        <v>727</v>
      </c>
      <c r="C600" s="27" t="s">
        <v>322</v>
      </c>
      <c r="D600" s="27" t="s">
        <v>735</v>
      </c>
      <c r="E600" s="27" t="s">
        <v>734</v>
      </c>
      <c r="F600" s="16" t="s">
        <v>362</v>
      </c>
    </row>
    <row r="601" spans="1:6" ht="24" x14ac:dyDescent="0.25">
      <c r="A601" s="15" t="s">
        <v>728</v>
      </c>
      <c r="B601" s="20" t="s">
        <v>1748</v>
      </c>
      <c r="C601" s="16" t="s">
        <v>733</v>
      </c>
      <c r="D601" s="16" t="s">
        <v>732</v>
      </c>
      <c r="E601" s="16" t="s">
        <v>731</v>
      </c>
      <c r="F601" s="16" t="s">
        <v>362</v>
      </c>
    </row>
    <row r="602" spans="1:6" ht="24" x14ac:dyDescent="0.25">
      <c r="A602" s="15" t="s">
        <v>728</v>
      </c>
      <c r="B602" s="20" t="s">
        <v>1748</v>
      </c>
      <c r="C602" s="16" t="s">
        <v>730</v>
      </c>
      <c r="D602" s="16" t="s">
        <v>111</v>
      </c>
      <c r="E602" s="16" t="s">
        <v>729</v>
      </c>
      <c r="F602" s="16" t="s">
        <v>362</v>
      </c>
    </row>
    <row r="603" spans="1:6" ht="24.75" thickBot="1" x14ac:dyDescent="0.3">
      <c r="A603" s="22" t="s">
        <v>728</v>
      </c>
      <c r="B603" s="23" t="s">
        <v>1748</v>
      </c>
      <c r="C603" s="24" t="s">
        <v>726</v>
      </c>
      <c r="D603" s="24" t="s">
        <v>725</v>
      </c>
      <c r="E603" s="24" t="s">
        <v>724</v>
      </c>
      <c r="F603" s="16" t="s">
        <v>362</v>
      </c>
    </row>
    <row r="604" spans="1:6" ht="25.5" thickTop="1" thickBot="1" x14ac:dyDescent="0.3">
      <c r="A604" s="28" t="s">
        <v>723</v>
      </c>
      <c r="B604" s="29" t="s">
        <v>722</v>
      </c>
      <c r="C604" s="30"/>
      <c r="D604" s="30"/>
      <c r="E604" s="30"/>
      <c r="F604" s="16" t="s">
        <v>362</v>
      </c>
    </row>
    <row r="605" spans="1:6" ht="25.5" thickTop="1" thickBot="1" x14ac:dyDescent="0.3">
      <c r="A605" s="28" t="s">
        <v>81</v>
      </c>
      <c r="B605" s="29" t="s">
        <v>721</v>
      </c>
      <c r="C605" s="30"/>
      <c r="D605" s="30"/>
      <c r="E605" s="30"/>
      <c r="F605" s="16" t="s">
        <v>362</v>
      </c>
    </row>
    <row r="606" spans="1:6" ht="25.5" thickTop="1" thickBot="1" x14ac:dyDescent="0.3">
      <c r="A606" s="28" t="s">
        <v>82</v>
      </c>
      <c r="B606" s="29" t="s">
        <v>720</v>
      </c>
      <c r="C606" s="30"/>
      <c r="D606" s="30"/>
      <c r="E606" s="30"/>
      <c r="F606" s="16" t="s">
        <v>362</v>
      </c>
    </row>
    <row r="607" spans="1:6" ht="25.5" thickTop="1" thickBot="1" x14ac:dyDescent="0.3">
      <c r="A607" s="28" t="s">
        <v>83</v>
      </c>
      <c r="B607" s="29" t="s">
        <v>719</v>
      </c>
      <c r="C607" s="30"/>
      <c r="D607" s="30"/>
      <c r="E607" s="30"/>
      <c r="F607" s="16" t="s">
        <v>362</v>
      </c>
    </row>
    <row r="608" spans="1:6" ht="25.5" thickTop="1" thickBot="1" x14ac:dyDescent="0.3">
      <c r="A608" s="28" t="s">
        <v>718</v>
      </c>
      <c r="B608" s="29" t="s">
        <v>717</v>
      </c>
      <c r="C608" s="30"/>
      <c r="D608" s="30"/>
      <c r="E608" s="30"/>
      <c r="F608" s="16" t="s">
        <v>362</v>
      </c>
    </row>
    <row r="609" spans="1:6" ht="37.5" thickTop="1" thickBot="1" x14ac:dyDescent="0.3">
      <c r="A609" s="28" t="s">
        <v>85</v>
      </c>
      <c r="B609" s="29" t="s">
        <v>716</v>
      </c>
      <c r="C609" s="30"/>
      <c r="D609" s="30"/>
      <c r="E609" s="30"/>
      <c r="F609" s="16" t="s">
        <v>362</v>
      </c>
    </row>
    <row r="610" spans="1:6" ht="49.5" thickTop="1" thickBot="1" x14ac:dyDescent="0.3">
      <c r="A610" s="28" t="s">
        <v>84</v>
      </c>
      <c r="B610" s="29" t="s">
        <v>715</v>
      </c>
      <c r="C610" s="30"/>
      <c r="D610" s="30"/>
      <c r="E610" s="30"/>
      <c r="F610" s="16" t="s">
        <v>362</v>
      </c>
    </row>
    <row r="611" spans="1:6" ht="13.5" thickTop="1" thickBot="1" x14ac:dyDescent="0.3">
      <c r="A611" s="28" t="s">
        <v>714</v>
      </c>
      <c r="B611" s="29" t="s">
        <v>713</v>
      </c>
      <c r="C611" s="30"/>
      <c r="D611" s="30"/>
      <c r="E611" s="30"/>
      <c r="F611" s="16" t="s">
        <v>362</v>
      </c>
    </row>
    <row r="612" spans="1:6" ht="37.5" thickTop="1" thickBot="1" x14ac:dyDescent="0.3">
      <c r="A612" s="28" t="s">
        <v>32</v>
      </c>
      <c r="B612" s="29" t="s">
        <v>712</v>
      </c>
      <c r="C612" s="30"/>
      <c r="D612" s="30"/>
      <c r="E612" s="30"/>
      <c r="F612" s="16" t="s">
        <v>362</v>
      </c>
    </row>
    <row r="613" spans="1:6" ht="85.5" thickTop="1" thickBot="1" x14ac:dyDescent="0.3">
      <c r="A613" s="28" t="s">
        <v>33</v>
      </c>
      <c r="B613" s="29" t="s">
        <v>711</v>
      </c>
      <c r="C613" s="30"/>
      <c r="D613" s="30"/>
      <c r="E613" s="30"/>
      <c r="F613" s="16" t="s">
        <v>362</v>
      </c>
    </row>
    <row r="614" spans="1:6" ht="85.5" thickTop="1" thickBot="1" x14ac:dyDescent="0.3">
      <c r="A614" s="28" t="s">
        <v>34</v>
      </c>
      <c r="B614" s="29" t="s">
        <v>710</v>
      </c>
      <c r="C614" s="30"/>
      <c r="D614" s="30"/>
      <c r="E614" s="30"/>
      <c r="F614" s="16" t="s">
        <v>362</v>
      </c>
    </row>
    <row r="615" spans="1:6" ht="49.5" thickTop="1" thickBot="1" x14ac:dyDescent="0.3">
      <c r="A615" s="28" t="s">
        <v>35</v>
      </c>
      <c r="B615" s="29" t="s">
        <v>709</v>
      </c>
      <c r="C615" s="30"/>
      <c r="D615" s="30"/>
      <c r="E615" s="30"/>
      <c r="F615" s="16" t="s">
        <v>362</v>
      </c>
    </row>
    <row r="616" spans="1:6" ht="49.5" thickTop="1" thickBot="1" x14ac:dyDescent="0.3">
      <c r="A616" s="28" t="s">
        <v>36</v>
      </c>
      <c r="B616" s="29" t="s">
        <v>708</v>
      </c>
      <c r="C616" s="30"/>
      <c r="D616" s="30"/>
      <c r="E616" s="30"/>
      <c r="F616" s="16" t="s">
        <v>362</v>
      </c>
    </row>
    <row r="617" spans="1:6" ht="49.5" thickTop="1" thickBot="1" x14ac:dyDescent="0.3">
      <c r="A617" s="28" t="s">
        <v>37</v>
      </c>
      <c r="B617" s="29" t="s">
        <v>707</v>
      </c>
      <c r="C617" s="30"/>
      <c r="D617" s="30"/>
      <c r="E617" s="30"/>
      <c r="F617" s="16" t="s">
        <v>362</v>
      </c>
    </row>
    <row r="618" spans="1:6" ht="49.5" thickTop="1" thickBot="1" x14ac:dyDescent="0.3">
      <c r="A618" s="28" t="s">
        <v>86</v>
      </c>
      <c r="B618" s="29" t="s">
        <v>706</v>
      </c>
      <c r="C618" s="30"/>
      <c r="D618" s="30"/>
      <c r="E618" s="30"/>
      <c r="F618" s="16" t="s">
        <v>362</v>
      </c>
    </row>
    <row r="619" spans="1:6" ht="205.5" thickTop="1" thickBot="1" x14ac:dyDescent="0.3">
      <c r="A619" s="28" t="s">
        <v>87</v>
      </c>
      <c r="B619" s="29" t="s">
        <v>705</v>
      </c>
      <c r="C619" s="30"/>
      <c r="D619" s="30"/>
      <c r="E619" s="30"/>
      <c r="F619" s="16" t="s">
        <v>362</v>
      </c>
    </row>
    <row r="620" spans="1:6" ht="37.5" thickTop="1" thickBot="1" x14ac:dyDescent="0.3">
      <c r="A620" s="28" t="s">
        <v>704</v>
      </c>
      <c r="B620" s="29" t="s">
        <v>703</v>
      </c>
      <c r="C620" s="30"/>
      <c r="D620" s="30"/>
      <c r="E620" s="30"/>
      <c r="F620" s="16" t="s">
        <v>362</v>
      </c>
    </row>
    <row r="621" spans="1:6" ht="73.5" thickTop="1" thickBot="1" x14ac:dyDescent="0.3">
      <c r="A621" s="28" t="s">
        <v>702</v>
      </c>
      <c r="B621" s="29" t="s">
        <v>701</v>
      </c>
      <c r="C621" s="30"/>
      <c r="D621" s="30"/>
      <c r="E621" s="30"/>
      <c r="F621" s="16" t="s">
        <v>362</v>
      </c>
    </row>
    <row r="622" spans="1:6" ht="97.5" thickTop="1" thickBot="1" x14ac:dyDescent="0.3">
      <c r="A622" s="28" t="s">
        <v>700</v>
      </c>
      <c r="B622" s="29" t="s">
        <v>699</v>
      </c>
      <c r="C622" s="30"/>
      <c r="D622" s="30"/>
      <c r="E622" s="30"/>
      <c r="F622" s="16" t="s">
        <v>362</v>
      </c>
    </row>
    <row r="623" spans="1:6" ht="24.75" thickTop="1" x14ac:dyDescent="0.25">
      <c r="A623" s="25" t="s">
        <v>667</v>
      </c>
      <c r="B623" s="26" t="s">
        <v>666</v>
      </c>
      <c r="C623" s="27" t="s">
        <v>386</v>
      </c>
      <c r="D623" s="27" t="s">
        <v>698</v>
      </c>
      <c r="E623" s="27" t="s">
        <v>697</v>
      </c>
      <c r="F623" s="16" t="s">
        <v>362</v>
      </c>
    </row>
    <row r="624" spans="1:6" ht="24" x14ac:dyDescent="0.25">
      <c r="A624" s="15" t="s">
        <v>667</v>
      </c>
      <c r="B624" s="20" t="s">
        <v>1748</v>
      </c>
      <c r="C624" s="16" t="s">
        <v>468</v>
      </c>
      <c r="D624" s="16" t="s">
        <v>696</v>
      </c>
      <c r="E624" s="16" t="s">
        <v>695</v>
      </c>
      <c r="F624" s="16" t="s">
        <v>362</v>
      </c>
    </row>
    <row r="625" spans="1:6" ht="24" x14ac:dyDescent="0.25">
      <c r="A625" s="15" t="s">
        <v>667</v>
      </c>
      <c r="B625" s="20" t="s">
        <v>1748</v>
      </c>
      <c r="C625" s="16" t="s">
        <v>152</v>
      </c>
      <c r="D625" s="16" t="s">
        <v>694</v>
      </c>
      <c r="E625" s="16" t="s">
        <v>693</v>
      </c>
      <c r="F625" s="16" t="s">
        <v>362</v>
      </c>
    </row>
    <row r="626" spans="1:6" ht="24" x14ac:dyDescent="0.25">
      <c r="A626" s="15" t="s">
        <v>667</v>
      </c>
      <c r="B626" s="20" t="s">
        <v>1748</v>
      </c>
      <c r="C626" s="16" t="s">
        <v>692</v>
      </c>
      <c r="D626" s="16" t="s">
        <v>691</v>
      </c>
      <c r="E626" s="16" t="s">
        <v>690</v>
      </c>
      <c r="F626" s="16" t="s">
        <v>362</v>
      </c>
    </row>
    <row r="627" spans="1:6" ht="24" x14ac:dyDescent="0.25">
      <c r="A627" s="15" t="s">
        <v>667</v>
      </c>
      <c r="B627" s="20" t="s">
        <v>1748</v>
      </c>
      <c r="C627" s="16" t="s">
        <v>689</v>
      </c>
      <c r="D627" s="16" t="s">
        <v>688</v>
      </c>
      <c r="E627" s="16" t="s">
        <v>687</v>
      </c>
      <c r="F627" s="16" t="s">
        <v>362</v>
      </c>
    </row>
    <row r="628" spans="1:6" ht="24" x14ac:dyDescent="0.25">
      <c r="A628" s="15" t="s">
        <v>667</v>
      </c>
      <c r="B628" s="20" t="s">
        <v>1748</v>
      </c>
      <c r="C628" s="16" t="s">
        <v>464</v>
      </c>
      <c r="D628" s="16" t="s">
        <v>686</v>
      </c>
      <c r="E628" s="16" t="s">
        <v>685</v>
      </c>
      <c r="F628" s="16" t="s">
        <v>362</v>
      </c>
    </row>
    <row r="629" spans="1:6" ht="24" x14ac:dyDescent="0.25">
      <c r="A629" s="15" t="s">
        <v>667</v>
      </c>
      <c r="B629" s="20" t="s">
        <v>1748</v>
      </c>
      <c r="C629" s="16" t="s">
        <v>380</v>
      </c>
      <c r="D629" s="16" t="s">
        <v>684</v>
      </c>
      <c r="E629" s="16" t="s">
        <v>683</v>
      </c>
      <c r="F629" s="16" t="s">
        <v>362</v>
      </c>
    </row>
    <row r="630" spans="1:6" ht="24" x14ac:dyDescent="0.25">
      <c r="A630" s="15" t="s">
        <v>667</v>
      </c>
      <c r="B630" s="20" t="s">
        <v>1748</v>
      </c>
      <c r="C630" s="16" t="s">
        <v>149</v>
      </c>
      <c r="D630" s="16" t="s">
        <v>682</v>
      </c>
      <c r="E630" s="16" t="s">
        <v>681</v>
      </c>
      <c r="F630" s="16" t="s">
        <v>362</v>
      </c>
    </row>
    <row r="631" spans="1:6" ht="24" x14ac:dyDescent="0.25">
      <c r="A631" s="15" t="s">
        <v>667</v>
      </c>
      <c r="B631" s="20" t="s">
        <v>1748</v>
      </c>
      <c r="C631" s="16" t="s">
        <v>680</v>
      </c>
      <c r="D631" s="16" t="s">
        <v>679</v>
      </c>
      <c r="E631" s="16" t="s">
        <v>678</v>
      </c>
      <c r="F631" s="16" t="s">
        <v>362</v>
      </c>
    </row>
    <row r="632" spans="1:6" ht="24" x14ac:dyDescent="0.25">
      <c r="A632" s="15" t="s">
        <v>667</v>
      </c>
      <c r="B632" s="20" t="s">
        <v>1748</v>
      </c>
      <c r="C632" s="16" t="s">
        <v>384</v>
      </c>
      <c r="D632" s="16" t="s">
        <v>677</v>
      </c>
      <c r="E632" s="16" t="s">
        <v>676</v>
      </c>
      <c r="F632" s="16" t="s">
        <v>362</v>
      </c>
    </row>
    <row r="633" spans="1:6" ht="24" x14ac:dyDescent="0.25">
      <c r="A633" s="15" t="s">
        <v>667</v>
      </c>
      <c r="B633" s="20" t="s">
        <v>1748</v>
      </c>
      <c r="C633" s="16" t="s">
        <v>137</v>
      </c>
      <c r="D633" s="16" t="s">
        <v>675</v>
      </c>
      <c r="E633" s="16" t="s">
        <v>674</v>
      </c>
      <c r="F633" s="16" t="s">
        <v>362</v>
      </c>
    </row>
    <row r="634" spans="1:6" ht="24" x14ac:dyDescent="0.25">
      <c r="A634" s="15" t="s">
        <v>667</v>
      </c>
      <c r="B634" s="20" t="s">
        <v>1748</v>
      </c>
      <c r="C634" s="16" t="s">
        <v>673</v>
      </c>
      <c r="D634" s="16" t="s">
        <v>672</v>
      </c>
      <c r="E634" s="16" t="s">
        <v>671</v>
      </c>
      <c r="F634" s="16" t="s">
        <v>362</v>
      </c>
    </row>
    <row r="635" spans="1:6" ht="24" x14ac:dyDescent="0.25">
      <c r="A635" s="15" t="s">
        <v>667</v>
      </c>
      <c r="B635" s="20" t="s">
        <v>1748</v>
      </c>
      <c r="C635" s="16" t="s">
        <v>670</v>
      </c>
      <c r="D635" s="16" t="s">
        <v>669</v>
      </c>
      <c r="E635" s="16" t="s">
        <v>668</v>
      </c>
      <c r="F635" s="16" t="s">
        <v>362</v>
      </c>
    </row>
    <row r="636" spans="1:6" ht="24.75" thickBot="1" x14ac:dyDescent="0.3">
      <c r="A636" s="22" t="s">
        <v>667</v>
      </c>
      <c r="B636" s="23" t="s">
        <v>1748</v>
      </c>
      <c r="C636" s="24" t="s">
        <v>376</v>
      </c>
      <c r="D636" s="24" t="s">
        <v>665</v>
      </c>
      <c r="E636" s="24" t="s">
        <v>664</v>
      </c>
      <c r="F636" s="16" t="s">
        <v>362</v>
      </c>
    </row>
    <row r="637" spans="1:6" ht="13.5" thickTop="1" thickBot="1" x14ac:dyDescent="0.3">
      <c r="A637" s="28" t="s">
        <v>663</v>
      </c>
      <c r="B637" s="29" t="s">
        <v>662</v>
      </c>
      <c r="C637" s="30"/>
      <c r="D637" s="30"/>
      <c r="E637" s="30"/>
      <c r="F637" s="16" t="s">
        <v>362</v>
      </c>
    </row>
    <row r="638" spans="1:6" ht="25.5" thickTop="1" thickBot="1" x14ac:dyDescent="0.3">
      <c r="A638" s="28" t="s">
        <v>661</v>
      </c>
      <c r="B638" s="29" t="s">
        <v>660</v>
      </c>
      <c r="C638" s="30"/>
      <c r="D638" s="30"/>
      <c r="E638" s="30"/>
      <c r="F638" s="16" t="s">
        <v>362</v>
      </c>
    </row>
    <row r="639" spans="1:6" ht="60.75" thickTop="1" x14ac:dyDescent="0.25">
      <c r="A639" s="25" t="s">
        <v>523</v>
      </c>
      <c r="B639" s="26" t="s">
        <v>522</v>
      </c>
      <c r="C639" s="27" t="s">
        <v>285</v>
      </c>
      <c r="D639" s="27" t="s">
        <v>659</v>
      </c>
      <c r="E639" s="27" t="s">
        <v>658</v>
      </c>
      <c r="F639" s="16" t="s">
        <v>362</v>
      </c>
    </row>
    <row r="640" spans="1:6" ht="36" x14ac:dyDescent="0.25">
      <c r="A640" s="15" t="s">
        <v>523</v>
      </c>
      <c r="B640" s="20" t="s">
        <v>1748</v>
      </c>
      <c r="C640" s="16" t="s">
        <v>657</v>
      </c>
      <c r="D640" s="16" t="s">
        <v>656</v>
      </c>
      <c r="E640" s="16" t="s">
        <v>655</v>
      </c>
      <c r="F640" s="16" t="s">
        <v>362</v>
      </c>
    </row>
    <row r="641" spans="1:6" ht="36" x14ac:dyDescent="0.25">
      <c r="A641" s="15" t="s">
        <v>523</v>
      </c>
      <c r="B641" s="20" t="s">
        <v>1748</v>
      </c>
      <c r="C641" s="16" t="s">
        <v>654</v>
      </c>
      <c r="D641" s="16" t="s">
        <v>653</v>
      </c>
      <c r="E641" s="16" t="s">
        <v>652</v>
      </c>
      <c r="F641" s="16" t="s">
        <v>362</v>
      </c>
    </row>
    <row r="642" spans="1:6" ht="36" x14ac:dyDescent="0.25">
      <c r="A642" s="15" t="s">
        <v>523</v>
      </c>
      <c r="B642" s="20" t="s">
        <v>1748</v>
      </c>
      <c r="C642" s="16" t="s">
        <v>651</v>
      </c>
      <c r="D642" s="16" t="s">
        <v>650</v>
      </c>
      <c r="E642" s="16" t="s">
        <v>649</v>
      </c>
      <c r="F642" s="16" t="s">
        <v>362</v>
      </c>
    </row>
    <row r="643" spans="1:6" ht="48" x14ac:dyDescent="0.25">
      <c r="A643" s="15" t="s">
        <v>523</v>
      </c>
      <c r="B643" s="20" t="s">
        <v>1748</v>
      </c>
      <c r="C643" s="16" t="s">
        <v>648</v>
      </c>
      <c r="D643" s="16" t="s">
        <v>647</v>
      </c>
      <c r="E643" s="16" t="s">
        <v>646</v>
      </c>
      <c r="F643" s="16" t="s">
        <v>362</v>
      </c>
    </row>
    <row r="644" spans="1:6" ht="36.75" thickBot="1" x14ac:dyDescent="0.3">
      <c r="A644" s="22" t="s">
        <v>523</v>
      </c>
      <c r="B644" s="23" t="s">
        <v>1748</v>
      </c>
      <c r="C644" s="24" t="s">
        <v>645</v>
      </c>
      <c r="D644" s="24" t="s">
        <v>644</v>
      </c>
      <c r="E644" s="24" t="s">
        <v>643</v>
      </c>
      <c r="F644" s="16" t="s">
        <v>362</v>
      </c>
    </row>
    <row r="645" spans="1:6" ht="24.75" thickTop="1" x14ac:dyDescent="0.25">
      <c r="A645" s="25" t="s">
        <v>618</v>
      </c>
      <c r="B645" s="26" t="s">
        <v>617</v>
      </c>
      <c r="C645" s="27">
        <v>1</v>
      </c>
      <c r="D645" s="27" t="s">
        <v>642</v>
      </c>
      <c r="E645" s="27"/>
      <c r="F645" s="16" t="s">
        <v>362</v>
      </c>
    </row>
    <row r="646" spans="1:6" x14ac:dyDescent="0.25">
      <c r="A646" s="15" t="s">
        <v>618</v>
      </c>
      <c r="B646" s="20" t="s">
        <v>1748</v>
      </c>
      <c r="C646" s="16" t="s">
        <v>641</v>
      </c>
      <c r="D646" s="16" t="s">
        <v>640</v>
      </c>
      <c r="E646" s="16"/>
      <c r="F646" s="16" t="s">
        <v>362</v>
      </c>
    </row>
    <row r="647" spans="1:6" x14ac:dyDescent="0.25">
      <c r="A647" s="15" t="s">
        <v>618</v>
      </c>
      <c r="B647" s="20" t="s">
        <v>1748</v>
      </c>
      <c r="C647" s="16" t="s">
        <v>639</v>
      </c>
      <c r="D647" s="16" t="s">
        <v>638</v>
      </c>
      <c r="E647" s="16"/>
      <c r="F647" s="16" t="s">
        <v>362</v>
      </c>
    </row>
    <row r="648" spans="1:6" x14ac:dyDescent="0.25">
      <c r="A648" s="15" t="s">
        <v>618</v>
      </c>
      <c r="B648" s="20" t="s">
        <v>1748</v>
      </c>
      <c r="C648" s="16" t="s">
        <v>637</v>
      </c>
      <c r="D648" s="16" t="s">
        <v>636</v>
      </c>
      <c r="E648" s="16"/>
      <c r="F648" s="16" t="s">
        <v>362</v>
      </c>
    </row>
    <row r="649" spans="1:6" x14ac:dyDescent="0.25">
      <c r="A649" s="15" t="s">
        <v>618</v>
      </c>
      <c r="B649" s="20" t="s">
        <v>1748</v>
      </c>
      <c r="C649" s="16">
        <v>2</v>
      </c>
      <c r="D649" s="16" t="s">
        <v>635</v>
      </c>
      <c r="E649" s="16"/>
      <c r="F649" s="16" t="s">
        <v>362</v>
      </c>
    </row>
    <row r="650" spans="1:6" x14ac:dyDescent="0.25">
      <c r="A650" s="15" t="s">
        <v>618</v>
      </c>
      <c r="B650" s="20" t="s">
        <v>1748</v>
      </c>
      <c r="C650" s="16" t="s">
        <v>634</v>
      </c>
      <c r="D650" s="16" t="s">
        <v>633</v>
      </c>
      <c r="E650" s="16"/>
      <c r="F650" s="16" t="s">
        <v>362</v>
      </c>
    </row>
    <row r="651" spans="1:6" ht="24" x14ac:dyDescent="0.25">
      <c r="A651" s="15" t="s">
        <v>618</v>
      </c>
      <c r="B651" s="20" t="s">
        <v>1748</v>
      </c>
      <c r="C651" s="16" t="s">
        <v>632</v>
      </c>
      <c r="D651" s="16" t="s">
        <v>631</v>
      </c>
      <c r="E651" s="16"/>
      <c r="F651" s="16" t="s">
        <v>362</v>
      </c>
    </row>
    <row r="652" spans="1:6" x14ac:dyDescent="0.25">
      <c r="A652" s="15" t="s">
        <v>618</v>
      </c>
      <c r="B652" s="20" t="s">
        <v>1748</v>
      </c>
      <c r="C652" s="16" t="s">
        <v>630</v>
      </c>
      <c r="D652" s="16" t="s">
        <v>629</v>
      </c>
      <c r="E652" s="16"/>
      <c r="F652" s="16" t="s">
        <v>362</v>
      </c>
    </row>
    <row r="653" spans="1:6" x14ac:dyDescent="0.25">
      <c r="A653" s="15" t="s">
        <v>618</v>
      </c>
      <c r="B653" s="20" t="s">
        <v>1748</v>
      </c>
      <c r="C653" s="16" t="s">
        <v>628</v>
      </c>
      <c r="D653" s="16" t="s">
        <v>627</v>
      </c>
      <c r="E653" s="16"/>
      <c r="F653" s="16" t="s">
        <v>362</v>
      </c>
    </row>
    <row r="654" spans="1:6" x14ac:dyDescent="0.25">
      <c r="A654" s="15" t="s">
        <v>618</v>
      </c>
      <c r="B654" s="20" t="s">
        <v>1748</v>
      </c>
      <c r="C654" s="16">
        <v>3</v>
      </c>
      <c r="D654" s="16" t="s">
        <v>626</v>
      </c>
      <c r="E654" s="16"/>
      <c r="F654" s="16" t="s">
        <v>362</v>
      </c>
    </row>
    <row r="655" spans="1:6" x14ac:dyDescent="0.25">
      <c r="A655" s="15" t="s">
        <v>618</v>
      </c>
      <c r="B655" s="20" t="s">
        <v>1748</v>
      </c>
      <c r="C655" s="16" t="s">
        <v>625</v>
      </c>
      <c r="D655" s="16" t="s">
        <v>624</v>
      </c>
      <c r="E655" s="16"/>
      <c r="F655" s="16" t="s">
        <v>362</v>
      </c>
    </row>
    <row r="656" spans="1:6" x14ac:dyDescent="0.25">
      <c r="A656" s="15" t="s">
        <v>618</v>
      </c>
      <c r="B656" s="20" t="s">
        <v>1748</v>
      </c>
      <c r="C656" s="16" t="s">
        <v>623</v>
      </c>
      <c r="D656" s="16" t="s">
        <v>622</v>
      </c>
      <c r="E656" s="16"/>
      <c r="F656" s="16" t="s">
        <v>362</v>
      </c>
    </row>
    <row r="657" spans="1:6" x14ac:dyDescent="0.25">
      <c r="A657" s="15" t="s">
        <v>618</v>
      </c>
      <c r="B657" s="20" t="s">
        <v>1748</v>
      </c>
      <c r="C657" s="16">
        <v>4</v>
      </c>
      <c r="D657" s="16" t="s">
        <v>621</v>
      </c>
      <c r="E657" s="16"/>
      <c r="F657" s="16" t="s">
        <v>362</v>
      </c>
    </row>
    <row r="658" spans="1:6" x14ac:dyDescent="0.25">
      <c r="A658" s="15" t="s">
        <v>618</v>
      </c>
      <c r="B658" s="20" t="s">
        <v>1748</v>
      </c>
      <c r="C658" s="16">
        <v>5</v>
      </c>
      <c r="D658" s="16" t="s">
        <v>620</v>
      </c>
      <c r="E658" s="16"/>
      <c r="F658" s="16" t="s">
        <v>362</v>
      </c>
    </row>
    <row r="659" spans="1:6" x14ac:dyDescent="0.25">
      <c r="A659" s="15" t="s">
        <v>618</v>
      </c>
      <c r="B659" s="20" t="s">
        <v>1748</v>
      </c>
      <c r="C659" s="16">
        <v>6</v>
      </c>
      <c r="D659" s="16" t="s">
        <v>619</v>
      </c>
      <c r="E659" s="16"/>
      <c r="F659" s="16" t="s">
        <v>362</v>
      </c>
    </row>
    <row r="660" spans="1:6" ht="12.75" thickBot="1" x14ac:dyDescent="0.3">
      <c r="A660" s="22" t="s">
        <v>618</v>
      </c>
      <c r="B660" s="23" t="s">
        <v>1748</v>
      </c>
      <c r="C660" s="24">
        <v>7</v>
      </c>
      <c r="D660" s="24" t="s">
        <v>616</v>
      </c>
      <c r="E660" s="24"/>
      <c r="F660" s="16" t="s">
        <v>362</v>
      </c>
    </row>
    <row r="661" spans="1:6" ht="24.75" thickTop="1" x14ac:dyDescent="0.25">
      <c r="A661" s="25" t="s">
        <v>615</v>
      </c>
      <c r="B661" s="26" t="s">
        <v>614</v>
      </c>
      <c r="C661" s="27" t="s">
        <v>508</v>
      </c>
      <c r="D661" s="27" t="s">
        <v>611</v>
      </c>
      <c r="E661" s="27"/>
      <c r="F661" s="16" t="s">
        <v>362</v>
      </c>
    </row>
    <row r="662" spans="1:6" ht="24" x14ac:dyDescent="0.25">
      <c r="A662" s="15" t="s">
        <v>615</v>
      </c>
      <c r="B662" s="20" t="s">
        <v>1748</v>
      </c>
      <c r="C662" s="16" t="s">
        <v>506</v>
      </c>
      <c r="D662" s="16" t="s">
        <v>610</v>
      </c>
      <c r="E662" s="16"/>
      <c r="F662" s="16" t="s">
        <v>362</v>
      </c>
    </row>
    <row r="663" spans="1:6" ht="24" x14ac:dyDescent="0.25">
      <c r="A663" s="15" t="s">
        <v>615</v>
      </c>
      <c r="B663" s="20" t="s">
        <v>1748</v>
      </c>
      <c r="C663" s="16" t="s">
        <v>504</v>
      </c>
      <c r="D663" s="16" t="s">
        <v>609</v>
      </c>
      <c r="E663" s="16"/>
      <c r="F663" s="16" t="s">
        <v>362</v>
      </c>
    </row>
    <row r="664" spans="1:6" ht="24" x14ac:dyDescent="0.25">
      <c r="A664" s="15" t="s">
        <v>615</v>
      </c>
      <c r="B664" s="20" t="s">
        <v>1748</v>
      </c>
      <c r="C664" s="16" t="s">
        <v>502</v>
      </c>
      <c r="D664" s="16" t="s">
        <v>608</v>
      </c>
      <c r="E664" s="16"/>
      <c r="F664" s="16" t="s">
        <v>362</v>
      </c>
    </row>
    <row r="665" spans="1:6" ht="24" x14ac:dyDescent="0.25">
      <c r="A665" s="15" t="s">
        <v>615</v>
      </c>
      <c r="B665" s="20" t="s">
        <v>1748</v>
      </c>
      <c r="C665" s="16" t="s">
        <v>607</v>
      </c>
      <c r="D665" s="16" t="s">
        <v>606</v>
      </c>
      <c r="E665" s="16"/>
      <c r="F665" s="16" t="s">
        <v>362</v>
      </c>
    </row>
    <row r="666" spans="1:6" ht="24" x14ac:dyDescent="0.25">
      <c r="A666" s="15" t="s">
        <v>615</v>
      </c>
      <c r="B666" s="20" t="s">
        <v>1748</v>
      </c>
      <c r="C666" s="16" t="s">
        <v>605</v>
      </c>
      <c r="D666" s="16" t="s">
        <v>604</v>
      </c>
      <c r="E666" s="16"/>
      <c r="F666" s="16" t="s">
        <v>362</v>
      </c>
    </row>
    <row r="667" spans="1:6" ht="24" x14ac:dyDescent="0.25">
      <c r="A667" s="15" t="s">
        <v>615</v>
      </c>
      <c r="B667" s="20" t="s">
        <v>1748</v>
      </c>
      <c r="C667" s="16" t="s">
        <v>498</v>
      </c>
      <c r="D667" s="16" t="s">
        <v>603</v>
      </c>
      <c r="E667" s="16"/>
      <c r="F667" s="16" t="s">
        <v>362</v>
      </c>
    </row>
    <row r="668" spans="1:6" ht="24" x14ac:dyDescent="0.25">
      <c r="A668" s="15" t="s">
        <v>615</v>
      </c>
      <c r="B668" s="20" t="s">
        <v>1748</v>
      </c>
      <c r="C668" s="16" t="s">
        <v>494</v>
      </c>
      <c r="D668" s="16" t="s">
        <v>602</v>
      </c>
      <c r="E668" s="16"/>
      <c r="F668" s="16" t="s">
        <v>362</v>
      </c>
    </row>
    <row r="669" spans="1:6" ht="24" x14ac:dyDescent="0.25">
      <c r="A669" s="15" t="s">
        <v>615</v>
      </c>
      <c r="B669" s="20" t="s">
        <v>1748</v>
      </c>
      <c r="C669" s="16" t="s">
        <v>437</v>
      </c>
      <c r="D669" s="16" t="s">
        <v>601</v>
      </c>
      <c r="E669" s="16"/>
      <c r="F669" s="16" t="s">
        <v>362</v>
      </c>
    </row>
    <row r="670" spans="1:6" ht="24" x14ac:dyDescent="0.25">
      <c r="A670" s="15" t="s">
        <v>615</v>
      </c>
      <c r="B670" s="20" t="s">
        <v>1748</v>
      </c>
      <c r="C670" s="16" t="s">
        <v>431</v>
      </c>
      <c r="D670" s="16" t="s">
        <v>600</v>
      </c>
      <c r="E670" s="16"/>
      <c r="F670" s="16" t="s">
        <v>362</v>
      </c>
    </row>
    <row r="671" spans="1:6" ht="24" x14ac:dyDescent="0.25">
      <c r="A671" s="15" t="s">
        <v>615</v>
      </c>
      <c r="B671" s="20" t="s">
        <v>1748</v>
      </c>
      <c r="C671" s="16" t="s">
        <v>443</v>
      </c>
      <c r="D671" s="16" t="s">
        <v>599</v>
      </c>
      <c r="E671" s="16"/>
      <c r="F671" s="16" t="s">
        <v>362</v>
      </c>
    </row>
    <row r="672" spans="1:6" ht="24" x14ac:dyDescent="0.25">
      <c r="A672" s="15" t="s">
        <v>615</v>
      </c>
      <c r="B672" s="20" t="s">
        <v>1748</v>
      </c>
      <c r="C672" s="16" t="s">
        <v>489</v>
      </c>
      <c r="D672" s="16" t="s">
        <v>598</v>
      </c>
      <c r="E672" s="16"/>
      <c r="F672" s="16" t="s">
        <v>362</v>
      </c>
    </row>
    <row r="673" spans="1:6" ht="24" x14ac:dyDescent="0.25">
      <c r="A673" s="15" t="s">
        <v>615</v>
      </c>
      <c r="B673" s="20" t="s">
        <v>1748</v>
      </c>
      <c r="C673" s="16" t="s">
        <v>485</v>
      </c>
      <c r="D673" s="16" t="s">
        <v>562</v>
      </c>
      <c r="E673" s="16"/>
      <c r="F673" s="16" t="s">
        <v>362</v>
      </c>
    </row>
    <row r="674" spans="1:6" ht="24" x14ac:dyDescent="0.25">
      <c r="A674" s="15" t="s">
        <v>615</v>
      </c>
      <c r="B674" s="20" t="s">
        <v>1748</v>
      </c>
      <c r="C674" s="16" t="s">
        <v>446</v>
      </c>
      <c r="D674" s="16" t="s">
        <v>597</v>
      </c>
      <c r="E674" s="16"/>
      <c r="F674" s="16" t="s">
        <v>362</v>
      </c>
    </row>
    <row r="675" spans="1:6" ht="24" x14ac:dyDescent="0.25">
      <c r="A675" s="15" t="s">
        <v>615</v>
      </c>
      <c r="B675" s="20" t="s">
        <v>1748</v>
      </c>
      <c r="C675" s="16" t="s">
        <v>596</v>
      </c>
      <c r="D675" s="16" t="s">
        <v>595</v>
      </c>
      <c r="E675" s="16"/>
      <c r="F675" s="16" t="s">
        <v>362</v>
      </c>
    </row>
    <row r="676" spans="1:6" ht="24.75" thickBot="1" x14ac:dyDescent="0.3">
      <c r="A676" s="22" t="s">
        <v>615</v>
      </c>
      <c r="B676" s="23" t="s">
        <v>1748</v>
      </c>
      <c r="C676" s="24" t="s">
        <v>592</v>
      </c>
      <c r="D676" s="24" t="s">
        <v>591</v>
      </c>
      <c r="E676" s="24"/>
      <c r="F676" s="16" t="s">
        <v>362</v>
      </c>
    </row>
    <row r="677" spans="1:6" ht="24.75" thickTop="1" x14ac:dyDescent="0.25">
      <c r="A677" s="25" t="s">
        <v>613</v>
      </c>
      <c r="B677" s="26" t="s">
        <v>612</v>
      </c>
      <c r="C677" s="27" t="s">
        <v>508</v>
      </c>
      <c r="D677" s="27" t="s">
        <v>611</v>
      </c>
      <c r="E677" s="27"/>
      <c r="F677" s="16" t="s">
        <v>362</v>
      </c>
    </row>
    <row r="678" spans="1:6" ht="24" x14ac:dyDescent="0.25">
      <c r="A678" s="15" t="s">
        <v>613</v>
      </c>
      <c r="B678" s="20" t="s">
        <v>1748</v>
      </c>
      <c r="C678" s="16" t="s">
        <v>506</v>
      </c>
      <c r="D678" s="16" t="s">
        <v>610</v>
      </c>
      <c r="E678" s="16"/>
      <c r="F678" s="16" t="s">
        <v>362</v>
      </c>
    </row>
    <row r="679" spans="1:6" ht="24" x14ac:dyDescent="0.25">
      <c r="A679" s="15" t="s">
        <v>613</v>
      </c>
      <c r="B679" s="20" t="s">
        <v>1748</v>
      </c>
      <c r="C679" s="16" t="s">
        <v>504</v>
      </c>
      <c r="D679" s="16" t="s">
        <v>609</v>
      </c>
      <c r="E679" s="16"/>
      <c r="F679" s="16" t="s">
        <v>362</v>
      </c>
    </row>
    <row r="680" spans="1:6" ht="24" x14ac:dyDescent="0.25">
      <c r="A680" s="15" t="s">
        <v>613</v>
      </c>
      <c r="B680" s="20" t="s">
        <v>1748</v>
      </c>
      <c r="C680" s="16" t="s">
        <v>502</v>
      </c>
      <c r="D680" s="16" t="s">
        <v>608</v>
      </c>
      <c r="E680" s="16"/>
      <c r="F680" s="16" t="s">
        <v>362</v>
      </c>
    </row>
    <row r="681" spans="1:6" ht="24" x14ac:dyDescent="0.25">
      <c r="A681" s="15" t="s">
        <v>613</v>
      </c>
      <c r="B681" s="20" t="s">
        <v>1748</v>
      </c>
      <c r="C681" s="16" t="s">
        <v>607</v>
      </c>
      <c r="D681" s="16" t="s">
        <v>606</v>
      </c>
      <c r="E681" s="16"/>
      <c r="F681" s="16" t="s">
        <v>362</v>
      </c>
    </row>
    <row r="682" spans="1:6" ht="24" x14ac:dyDescent="0.25">
      <c r="A682" s="15" t="s">
        <v>613</v>
      </c>
      <c r="B682" s="20" t="s">
        <v>1748</v>
      </c>
      <c r="C682" s="16" t="s">
        <v>605</v>
      </c>
      <c r="D682" s="16" t="s">
        <v>604</v>
      </c>
      <c r="E682" s="16"/>
      <c r="F682" s="16" t="s">
        <v>362</v>
      </c>
    </row>
    <row r="683" spans="1:6" ht="24" x14ac:dyDescent="0.25">
      <c r="A683" s="15" t="s">
        <v>613</v>
      </c>
      <c r="B683" s="20" t="s">
        <v>1748</v>
      </c>
      <c r="C683" s="16" t="s">
        <v>498</v>
      </c>
      <c r="D683" s="16" t="s">
        <v>603</v>
      </c>
      <c r="E683" s="16"/>
      <c r="F683" s="16" t="s">
        <v>362</v>
      </c>
    </row>
    <row r="684" spans="1:6" ht="24" x14ac:dyDescent="0.25">
      <c r="A684" s="15" t="s">
        <v>613</v>
      </c>
      <c r="B684" s="20" t="s">
        <v>1748</v>
      </c>
      <c r="C684" s="16" t="s">
        <v>494</v>
      </c>
      <c r="D684" s="16" t="s">
        <v>602</v>
      </c>
      <c r="E684" s="16"/>
      <c r="F684" s="16" t="s">
        <v>362</v>
      </c>
    </row>
    <row r="685" spans="1:6" ht="24" x14ac:dyDescent="0.25">
      <c r="A685" s="15" t="s">
        <v>613</v>
      </c>
      <c r="B685" s="20" t="s">
        <v>1748</v>
      </c>
      <c r="C685" s="16" t="s">
        <v>437</v>
      </c>
      <c r="D685" s="16" t="s">
        <v>601</v>
      </c>
      <c r="E685" s="16"/>
      <c r="F685" s="16" t="s">
        <v>362</v>
      </c>
    </row>
    <row r="686" spans="1:6" ht="24" x14ac:dyDescent="0.25">
      <c r="A686" s="15" t="s">
        <v>613</v>
      </c>
      <c r="B686" s="20" t="s">
        <v>1748</v>
      </c>
      <c r="C686" s="16" t="s">
        <v>431</v>
      </c>
      <c r="D686" s="16" t="s">
        <v>600</v>
      </c>
      <c r="E686" s="16"/>
      <c r="F686" s="16" t="s">
        <v>362</v>
      </c>
    </row>
    <row r="687" spans="1:6" ht="24" x14ac:dyDescent="0.25">
      <c r="A687" s="15" t="s">
        <v>613</v>
      </c>
      <c r="B687" s="20" t="s">
        <v>1748</v>
      </c>
      <c r="C687" s="16" t="s">
        <v>443</v>
      </c>
      <c r="D687" s="16" t="s">
        <v>599</v>
      </c>
      <c r="E687" s="16"/>
      <c r="F687" s="16" t="s">
        <v>362</v>
      </c>
    </row>
    <row r="688" spans="1:6" ht="24" x14ac:dyDescent="0.25">
      <c r="A688" s="15" t="s">
        <v>613</v>
      </c>
      <c r="B688" s="20" t="s">
        <v>1748</v>
      </c>
      <c r="C688" s="16" t="s">
        <v>489</v>
      </c>
      <c r="D688" s="16" t="s">
        <v>598</v>
      </c>
      <c r="E688" s="16"/>
      <c r="F688" s="16" t="s">
        <v>362</v>
      </c>
    </row>
    <row r="689" spans="1:6" ht="24" x14ac:dyDescent="0.25">
      <c r="A689" s="15" t="s">
        <v>613</v>
      </c>
      <c r="B689" s="20" t="s">
        <v>1748</v>
      </c>
      <c r="C689" s="16" t="s">
        <v>485</v>
      </c>
      <c r="D689" s="16" t="s">
        <v>562</v>
      </c>
      <c r="E689" s="16"/>
      <c r="F689" s="16" t="s">
        <v>362</v>
      </c>
    </row>
    <row r="690" spans="1:6" ht="24" x14ac:dyDescent="0.25">
      <c r="A690" s="15" t="s">
        <v>613</v>
      </c>
      <c r="B690" s="20" t="s">
        <v>1748</v>
      </c>
      <c r="C690" s="16" t="s">
        <v>446</v>
      </c>
      <c r="D690" s="16" t="s">
        <v>597</v>
      </c>
      <c r="E690" s="16"/>
      <c r="F690" s="16" t="s">
        <v>362</v>
      </c>
    </row>
    <row r="691" spans="1:6" ht="24" x14ac:dyDescent="0.25">
      <c r="A691" s="15" t="s">
        <v>613</v>
      </c>
      <c r="B691" s="20" t="s">
        <v>1748</v>
      </c>
      <c r="C691" s="16" t="s">
        <v>596</v>
      </c>
      <c r="D691" s="16" t="s">
        <v>595</v>
      </c>
      <c r="E691" s="16"/>
      <c r="F691" s="16" t="s">
        <v>362</v>
      </c>
    </row>
    <row r="692" spans="1:6" ht="24.75" thickBot="1" x14ac:dyDescent="0.3">
      <c r="A692" s="22" t="s">
        <v>613</v>
      </c>
      <c r="B692" s="23" t="s">
        <v>1748</v>
      </c>
      <c r="C692" s="24" t="s">
        <v>592</v>
      </c>
      <c r="D692" s="24" t="s">
        <v>591</v>
      </c>
      <c r="E692" s="24"/>
      <c r="F692" s="16" t="s">
        <v>362</v>
      </c>
    </row>
    <row r="693" spans="1:6" ht="24.75" thickTop="1" x14ac:dyDescent="0.25">
      <c r="A693" s="25" t="s">
        <v>594</v>
      </c>
      <c r="B693" s="26" t="s">
        <v>593</v>
      </c>
      <c r="C693" s="27" t="s">
        <v>508</v>
      </c>
      <c r="D693" s="27" t="s">
        <v>611</v>
      </c>
      <c r="E693" s="27"/>
      <c r="F693" s="16" t="s">
        <v>362</v>
      </c>
    </row>
    <row r="694" spans="1:6" ht="24" x14ac:dyDescent="0.25">
      <c r="A694" s="15" t="s">
        <v>594</v>
      </c>
      <c r="B694" s="20" t="s">
        <v>1748</v>
      </c>
      <c r="C694" s="16" t="s">
        <v>506</v>
      </c>
      <c r="D694" s="16" t="s">
        <v>610</v>
      </c>
      <c r="E694" s="16"/>
      <c r="F694" s="16" t="s">
        <v>362</v>
      </c>
    </row>
    <row r="695" spans="1:6" ht="24" x14ac:dyDescent="0.25">
      <c r="A695" s="15" t="s">
        <v>594</v>
      </c>
      <c r="B695" s="20" t="s">
        <v>1748</v>
      </c>
      <c r="C695" s="16" t="s">
        <v>504</v>
      </c>
      <c r="D695" s="16" t="s">
        <v>609</v>
      </c>
      <c r="E695" s="16"/>
      <c r="F695" s="16" t="s">
        <v>362</v>
      </c>
    </row>
    <row r="696" spans="1:6" ht="24" x14ac:dyDescent="0.25">
      <c r="A696" s="15" t="s">
        <v>594</v>
      </c>
      <c r="B696" s="20" t="s">
        <v>1748</v>
      </c>
      <c r="C696" s="16" t="s">
        <v>502</v>
      </c>
      <c r="D696" s="16" t="s">
        <v>608</v>
      </c>
      <c r="E696" s="16"/>
      <c r="F696" s="16" t="s">
        <v>362</v>
      </c>
    </row>
    <row r="697" spans="1:6" ht="24" x14ac:dyDescent="0.25">
      <c r="A697" s="15" t="s">
        <v>594</v>
      </c>
      <c r="B697" s="20" t="s">
        <v>1748</v>
      </c>
      <c r="C697" s="16" t="s">
        <v>607</v>
      </c>
      <c r="D697" s="16" t="s">
        <v>606</v>
      </c>
      <c r="E697" s="16"/>
      <c r="F697" s="16" t="s">
        <v>362</v>
      </c>
    </row>
    <row r="698" spans="1:6" ht="24" x14ac:dyDescent="0.25">
      <c r="A698" s="15" t="s">
        <v>594</v>
      </c>
      <c r="B698" s="20" t="s">
        <v>1748</v>
      </c>
      <c r="C698" s="16" t="s">
        <v>605</v>
      </c>
      <c r="D698" s="16" t="s">
        <v>604</v>
      </c>
      <c r="E698" s="16"/>
      <c r="F698" s="16" t="s">
        <v>362</v>
      </c>
    </row>
    <row r="699" spans="1:6" ht="24" x14ac:dyDescent="0.25">
      <c r="A699" s="15" t="s">
        <v>594</v>
      </c>
      <c r="B699" s="20" t="s">
        <v>1748</v>
      </c>
      <c r="C699" s="16" t="s">
        <v>498</v>
      </c>
      <c r="D699" s="16" t="s">
        <v>603</v>
      </c>
      <c r="E699" s="16"/>
      <c r="F699" s="16" t="s">
        <v>362</v>
      </c>
    </row>
    <row r="700" spans="1:6" ht="24" x14ac:dyDescent="0.25">
      <c r="A700" s="15" t="s">
        <v>594</v>
      </c>
      <c r="B700" s="20" t="s">
        <v>1748</v>
      </c>
      <c r="C700" s="16" t="s">
        <v>494</v>
      </c>
      <c r="D700" s="16" t="s">
        <v>602</v>
      </c>
      <c r="E700" s="16"/>
      <c r="F700" s="16" t="s">
        <v>362</v>
      </c>
    </row>
    <row r="701" spans="1:6" ht="24" x14ac:dyDescent="0.25">
      <c r="A701" s="15" t="s">
        <v>594</v>
      </c>
      <c r="B701" s="20" t="s">
        <v>1748</v>
      </c>
      <c r="C701" s="16" t="s">
        <v>437</v>
      </c>
      <c r="D701" s="16" t="s">
        <v>601</v>
      </c>
      <c r="E701" s="16"/>
      <c r="F701" s="16" t="s">
        <v>362</v>
      </c>
    </row>
    <row r="702" spans="1:6" ht="24" x14ac:dyDescent="0.25">
      <c r="A702" s="15" t="s">
        <v>594</v>
      </c>
      <c r="B702" s="20" t="s">
        <v>1748</v>
      </c>
      <c r="C702" s="16" t="s">
        <v>431</v>
      </c>
      <c r="D702" s="16" t="s">
        <v>600</v>
      </c>
      <c r="E702" s="16"/>
      <c r="F702" s="16" t="s">
        <v>362</v>
      </c>
    </row>
    <row r="703" spans="1:6" ht="24" x14ac:dyDescent="0.25">
      <c r="A703" s="15" t="s">
        <v>594</v>
      </c>
      <c r="B703" s="20" t="s">
        <v>1748</v>
      </c>
      <c r="C703" s="16" t="s">
        <v>443</v>
      </c>
      <c r="D703" s="16" t="s">
        <v>599</v>
      </c>
      <c r="E703" s="16"/>
      <c r="F703" s="16" t="s">
        <v>362</v>
      </c>
    </row>
    <row r="704" spans="1:6" ht="24" x14ac:dyDescent="0.25">
      <c r="A704" s="15" t="s">
        <v>594</v>
      </c>
      <c r="B704" s="20" t="s">
        <v>1748</v>
      </c>
      <c r="C704" s="16" t="s">
        <v>489</v>
      </c>
      <c r="D704" s="16" t="s">
        <v>598</v>
      </c>
      <c r="E704" s="16"/>
      <c r="F704" s="16" t="s">
        <v>362</v>
      </c>
    </row>
    <row r="705" spans="1:6" ht="24" x14ac:dyDescent="0.25">
      <c r="A705" s="15" t="s">
        <v>594</v>
      </c>
      <c r="B705" s="20" t="s">
        <v>1748</v>
      </c>
      <c r="C705" s="16" t="s">
        <v>485</v>
      </c>
      <c r="D705" s="16" t="s">
        <v>562</v>
      </c>
      <c r="E705" s="16"/>
      <c r="F705" s="16" t="s">
        <v>362</v>
      </c>
    </row>
    <row r="706" spans="1:6" ht="24" x14ac:dyDescent="0.25">
      <c r="A706" s="15" t="s">
        <v>594</v>
      </c>
      <c r="B706" s="20" t="s">
        <v>1748</v>
      </c>
      <c r="C706" s="16" t="s">
        <v>446</v>
      </c>
      <c r="D706" s="16" t="s">
        <v>597</v>
      </c>
      <c r="E706" s="16"/>
      <c r="F706" s="16" t="s">
        <v>362</v>
      </c>
    </row>
    <row r="707" spans="1:6" ht="24" x14ac:dyDescent="0.25">
      <c r="A707" s="15" t="s">
        <v>594</v>
      </c>
      <c r="B707" s="20" t="s">
        <v>1748</v>
      </c>
      <c r="C707" s="16" t="s">
        <v>596</v>
      </c>
      <c r="D707" s="16" t="s">
        <v>595</v>
      </c>
      <c r="E707" s="16"/>
      <c r="F707" s="16" t="s">
        <v>362</v>
      </c>
    </row>
    <row r="708" spans="1:6" ht="24.75" thickBot="1" x14ac:dyDescent="0.3">
      <c r="A708" s="22" t="s">
        <v>594</v>
      </c>
      <c r="B708" s="23" t="s">
        <v>1748</v>
      </c>
      <c r="C708" s="24" t="s">
        <v>592</v>
      </c>
      <c r="D708" s="24" t="s">
        <v>591</v>
      </c>
      <c r="E708" s="24"/>
      <c r="F708" s="16" t="s">
        <v>362</v>
      </c>
    </row>
    <row r="709" spans="1:6" ht="24.75" thickTop="1" x14ac:dyDescent="0.25">
      <c r="A709" s="25" t="s">
        <v>590</v>
      </c>
      <c r="B709" s="26" t="s">
        <v>589</v>
      </c>
      <c r="C709" s="27" t="s">
        <v>474</v>
      </c>
      <c r="D709" s="27" t="s">
        <v>586</v>
      </c>
      <c r="E709" s="27"/>
      <c r="F709" s="16" t="s">
        <v>362</v>
      </c>
    </row>
    <row r="710" spans="1:6" ht="24" x14ac:dyDescent="0.25">
      <c r="A710" s="15" t="s">
        <v>590</v>
      </c>
      <c r="B710" s="20" t="s">
        <v>1748</v>
      </c>
      <c r="C710" s="16" t="s">
        <v>386</v>
      </c>
      <c r="D710" s="16" t="s">
        <v>585</v>
      </c>
      <c r="E710" s="16"/>
      <c r="F710" s="16" t="s">
        <v>362</v>
      </c>
    </row>
    <row r="711" spans="1:6" ht="24" x14ac:dyDescent="0.25">
      <c r="A711" s="15" t="s">
        <v>590</v>
      </c>
      <c r="B711" s="20" t="s">
        <v>1748</v>
      </c>
      <c r="C711" s="16" t="s">
        <v>146</v>
      </c>
      <c r="D711" s="16" t="s">
        <v>584</v>
      </c>
      <c r="E711" s="16"/>
      <c r="F711" s="16" t="s">
        <v>362</v>
      </c>
    </row>
    <row r="712" spans="1:6" ht="24" x14ac:dyDescent="0.25">
      <c r="A712" s="15" t="s">
        <v>590</v>
      </c>
      <c r="B712" s="20" t="s">
        <v>1748</v>
      </c>
      <c r="C712" s="16" t="s">
        <v>468</v>
      </c>
      <c r="D712" s="16" t="s">
        <v>583</v>
      </c>
      <c r="E712" s="16"/>
      <c r="F712" s="16" t="s">
        <v>362</v>
      </c>
    </row>
    <row r="713" spans="1:6" ht="24" x14ac:dyDescent="0.25">
      <c r="A713" s="15" t="s">
        <v>590</v>
      </c>
      <c r="B713" s="20" t="s">
        <v>1748</v>
      </c>
      <c r="C713" s="16" t="s">
        <v>152</v>
      </c>
      <c r="D713" s="16" t="s">
        <v>582</v>
      </c>
      <c r="E713" s="16"/>
      <c r="F713" s="16" t="s">
        <v>362</v>
      </c>
    </row>
    <row r="714" spans="1:6" ht="24" x14ac:dyDescent="0.25">
      <c r="A714" s="15" t="s">
        <v>590</v>
      </c>
      <c r="B714" s="20" t="s">
        <v>1748</v>
      </c>
      <c r="C714" s="16" t="s">
        <v>581</v>
      </c>
      <c r="D714" s="16" t="s">
        <v>580</v>
      </c>
      <c r="E714" s="16"/>
      <c r="F714" s="16" t="s">
        <v>362</v>
      </c>
    </row>
    <row r="715" spans="1:6" ht="24" x14ac:dyDescent="0.25">
      <c r="A715" s="15" t="s">
        <v>590</v>
      </c>
      <c r="B715" s="20" t="s">
        <v>1748</v>
      </c>
      <c r="C715" s="16" t="s">
        <v>464</v>
      </c>
      <c r="D715" s="16" t="s">
        <v>579</v>
      </c>
      <c r="E715" s="16"/>
      <c r="F715" s="16" t="s">
        <v>362</v>
      </c>
    </row>
    <row r="716" spans="1:6" ht="24" x14ac:dyDescent="0.25">
      <c r="A716" s="15" t="s">
        <v>590</v>
      </c>
      <c r="B716" s="20" t="s">
        <v>1748</v>
      </c>
      <c r="C716" s="16" t="s">
        <v>380</v>
      </c>
      <c r="D716" s="16" t="s">
        <v>578</v>
      </c>
      <c r="E716" s="16"/>
      <c r="F716" s="16" t="s">
        <v>362</v>
      </c>
    </row>
    <row r="717" spans="1:6" ht="24" x14ac:dyDescent="0.25">
      <c r="A717" s="15" t="s">
        <v>590</v>
      </c>
      <c r="B717" s="20" t="s">
        <v>1748</v>
      </c>
      <c r="C717" s="16" t="s">
        <v>577</v>
      </c>
      <c r="D717" s="16" t="s">
        <v>576</v>
      </c>
      <c r="E717" s="16"/>
      <c r="F717" s="16" t="s">
        <v>362</v>
      </c>
    </row>
    <row r="718" spans="1:6" ht="24" x14ac:dyDescent="0.25">
      <c r="A718" s="15" t="s">
        <v>590</v>
      </c>
      <c r="B718" s="20" t="s">
        <v>1748</v>
      </c>
      <c r="C718" s="16" t="s">
        <v>149</v>
      </c>
      <c r="D718" s="16" t="s">
        <v>575</v>
      </c>
      <c r="E718" s="16"/>
      <c r="F718" s="16" t="s">
        <v>362</v>
      </c>
    </row>
    <row r="719" spans="1:6" ht="24" x14ac:dyDescent="0.25">
      <c r="A719" s="15" t="s">
        <v>590</v>
      </c>
      <c r="B719" s="20" t="s">
        <v>1748</v>
      </c>
      <c r="C719" s="16" t="s">
        <v>207</v>
      </c>
      <c r="D719" s="16" t="s">
        <v>532</v>
      </c>
      <c r="E719" s="16"/>
      <c r="F719" s="16" t="s">
        <v>362</v>
      </c>
    </row>
    <row r="720" spans="1:6" ht="24" x14ac:dyDescent="0.25">
      <c r="A720" s="15" t="s">
        <v>590</v>
      </c>
      <c r="B720" s="20" t="s">
        <v>1748</v>
      </c>
      <c r="C720" s="16" t="s">
        <v>423</v>
      </c>
      <c r="D720" s="16" t="s">
        <v>574</v>
      </c>
      <c r="E720" s="16"/>
      <c r="F720" s="16" t="s">
        <v>362</v>
      </c>
    </row>
    <row r="721" spans="1:6" ht="24" x14ac:dyDescent="0.25">
      <c r="A721" s="15" t="s">
        <v>590</v>
      </c>
      <c r="B721" s="20" t="s">
        <v>1748</v>
      </c>
      <c r="C721" s="16" t="s">
        <v>204</v>
      </c>
      <c r="D721" s="16" t="s">
        <v>573</v>
      </c>
      <c r="E721" s="16"/>
      <c r="F721" s="16" t="s">
        <v>362</v>
      </c>
    </row>
    <row r="722" spans="1:6" ht="24" x14ac:dyDescent="0.25">
      <c r="A722" s="15" t="s">
        <v>590</v>
      </c>
      <c r="B722" s="20" t="s">
        <v>1748</v>
      </c>
      <c r="C722" s="16" t="s">
        <v>452</v>
      </c>
      <c r="D722" s="16" t="s">
        <v>518</v>
      </c>
      <c r="E722" s="16"/>
      <c r="F722" s="16" t="s">
        <v>362</v>
      </c>
    </row>
    <row r="723" spans="1:6" ht="24" x14ac:dyDescent="0.25">
      <c r="A723" s="15" t="s">
        <v>590</v>
      </c>
      <c r="B723" s="20" t="s">
        <v>1748</v>
      </c>
      <c r="C723" s="16" t="s">
        <v>197</v>
      </c>
      <c r="D723" s="16" t="s">
        <v>517</v>
      </c>
      <c r="E723" s="16"/>
      <c r="F723" s="16" t="s">
        <v>362</v>
      </c>
    </row>
    <row r="724" spans="1:6" ht="24.75" thickBot="1" x14ac:dyDescent="0.3">
      <c r="A724" s="22" t="s">
        <v>590</v>
      </c>
      <c r="B724" s="23" t="s">
        <v>1748</v>
      </c>
      <c r="C724" s="24" t="s">
        <v>514</v>
      </c>
      <c r="D724" s="24" t="s">
        <v>513</v>
      </c>
      <c r="E724" s="24"/>
      <c r="F724" s="16" t="s">
        <v>362</v>
      </c>
    </row>
    <row r="725" spans="1:6" ht="24.75" thickTop="1" x14ac:dyDescent="0.25">
      <c r="A725" s="25" t="s">
        <v>588</v>
      </c>
      <c r="B725" s="26" t="s">
        <v>587</v>
      </c>
      <c r="C725" s="27" t="s">
        <v>474</v>
      </c>
      <c r="D725" s="27" t="s">
        <v>586</v>
      </c>
      <c r="E725" s="27"/>
      <c r="F725" s="16" t="s">
        <v>362</v>
      </c>
    </row>
    <row r="726" spans="1:6" ht="24" x14ac:dyDescent="0.25">
      <c r="A726" s="15" t="s">
        <v>588</v>
      </c>
      <c r="B726" s="20" t="s">
        <v>1748</v>
      </c>
      <c r="C726" s="16" t="s">
        <v>386</v>
      </c>
      <c r="D726" s="16" t="s">
        <v>585</v>
      </c>
      <c r="E726" s="16"/>
      <c r="F726" s="16" t="s">
        <v>362</v>
      </c>
    </row>
    <row r="727" spans="1:6" ht="24" x14ac:dyDescent="0.25">
      <c r="A727" s="15" t="s">
        <v>588</v>
      </c>
      <c r="B727" s="20" t="s">
        <v>1748</v>
      </c>
      <c r="C727" s="16" t="s">
        <v>146</v>
      </c>
      <c r="D727" s="16" t="s">
        <v>584</v>
      </c>
      <c r="E727" s="16"/>
      <c r="F727" s="16" t="s">
        <v>362</v>
      </c>
    </row>
    <row r="728" spans="1:6" ht="24" x14ac:dyDescent="0.25">
      <c r="A728" s="15" t="s">
        <v>588</v>
      </c>
      <c r="B728" s="20" t="s">
        <v>1748</v>
      </c>
      <c r="C728" s="16" t="s">
        <v>468</v>
      </c>
      <c r="D728" s="16" t="s">
        <v>583</v>
      </c>
      <c r="E728" s="16"/>
      <c r="F728" s="16" t="s">
        <v>362</v>
      </c>
    </row>
    <row r="729" spans="1:6" ht="24" x14ac:dyDescent="0.25">
      <c r="A729" s="15" t="s">
        <v>588</v>
      </c>
      <c r="B729" s="20" t="s">
        <v>1748</v>
      </c>
      <c r="C729" s="16" t="s">
        <v>152</v>
      </c>
      <c r="D729" s="16" t="s">
        <v>582</v>
      </c>
      <c r="E729" s="16"/>
      <c r="F729" s="16" t="s">
        <v>362</v>
      </c>
    </row>
    <row r="730" spans="1:6" ht="24" x14ac:dyDescent="0.25">
      <c r="A730" s="15" t="s">
        <v>588</v>
      </c>
      <c r="B730" s="20" t="s">
        <v>1748</v>
      </c>
      <c r="C730" s="16" t="s">
        <v>581</v>
      </c>
      <c r="D730" s="16" t="s">
        <v>580</v>
      </c>
      <c r="E730" s="16"/>
      <c r="F730" s="16" t="s">
        <v>362</v>
      </c>
    </row>
    <row r="731" spans="1:6" ht="24" x14ac:dyDescent="0.25">
      <c r="A731" s="15" t="s">
        <v>588</v>
      </c>
      <c r="B731" s="20" t="s">
        <v>1748</v>
      </c>
      <c r="C731" s="16" t="s">
        <v>464</v>
      </c>
      <c r="D731" s="16" t="s">
        <v>579</v>
      </c>
      <c r="E731" s="16"/>
      <c r="F731" s="16" t="s">
        <v>362</v>
      </c>
    </row>
    <row r="732" spans="1:6" ht="24" x14ac:dyDescent="0.25">
      <c r="A732" s="15" t="s">
        <v>588</v>
      </c>
      <c r="B732" s="20" t="s">
        <v>1748</v>
      </c>
      <c r="C732" s="16" t="s">
        <v>380</v>
      </c>
      <c r="D732" s="16" t="s">
        <v>578</v>
      </c>
      <c r="E732" s="16"/>
      <c r="F732" s="16" t="s">
        <v>362</v>
      </c>
    </row>
    <row r="733" spans="1:6" ht="24" x14ac:dyDescent="0.25">
      <c r="A733" s="15" t="s">
        <v>588</v>
      </c>
      <c r="B733" s="20" t="s">
        <v>1748</v>
      </c>
      <c r="C733" s="16" t="s">
        <v>577</v>
      </c>
      <c r="D733" s="16" t="s">
        <v>576</v>
      </c>
      <c r="E733" s="16"/>
      <c r="F733" s="16" t="s">
        <v>362</v>
      </c>
    </row>
    <row r="734" spans="1:6" ht="24" x14ac:dyDescent="0.25">
      <c r="A734" s="15" t="s">
        <v>588</v>
      </c>
      <c r="B734" s="20" t="s">
        <v>1748</v>
      </c>
      <c r="C734" s="16" t="s">
        <v>149</v>
      </c>
      <c r="D734" s="16" t="s">
        <v>575</v>
      </c>
      <c r="E734" s="16"/>
      <c r="F734" s="16" t="s">
        <v>362</v>
      </c>
    </row>
    <row r="735" spans="1:6" ht="24" x14ac:dyDescent="0.25">
      <c r="A735" s="15" t="s">
        <v>588</v>
      </c>
      <c r="B735" s="20" t="s">
        <v>1748</v>
      </c>
      <c r="C735" s="16" t="s">
        <v>207</v>
      </c>
      <c r="D735" s="16" t="s">
        <v>532</v>
      </c>
      <c r="E735" s="16"/>
      <c r="F735" s="16" t="s">
        <v>362</v>
      </c>
    </row>
    <row r="736" spans="1:6" ht="24" x14ac:dyDescent="0.25">
      <c r="A736" s="15" t="s">
        <v>588</v>
      </c>
      <c r="B736" s="20" t="s">
        <v>1748</v>
      </c>
      <c r="C736" s="16" t="s">
        <v>423</v>
      </c>
      <c r="D736" s="16" t="s">
        <v>574</v>
      </c>
      <c r="E736" s="16"/>
      <c r="F736" s="16" t="s">
        <v>362</v>
      </c>
    </row>
    <row r="737" spans="1:6" ht="24" x14ac:dyDescent="0.25">
      <c r="A737" s="15" t="s">
        <v>588</v>
      </c>
      <c r="B737" s="20" t="s">
        <v>1748</v>
      </c>
      <c r="C737" s="16" t="s">
        <v>204</v>
      </c>
      <c r="D737" s="16" t="s">
        <v>573</v>
      </c>
      <c r="E737" s="16"/>
      <c r="F737" s="16" t="s">
        <v>362</v>
      </c>
    </row>
    <row r="738" spans="1:6" ht="24" x14ac:dyDescent="0.25">
      <c r="A738" s="15" t="s">
        <v>588</v>
      </c>
      <c r="B738" s="20" t="s">
        <v>1748</v>
      </c>
      <c r="C738" s="16" t="s">
        <v>452</v>
      </c>
      <c r="D738" s="16" t="s">
        <v>518</v>
      </c>
      <c r="E738" s="16"/>
      <c r="F738" s="16" t="s">
        <v>362</v>
      </c>
    </row>
    <row r="739" spans="1:6" ht="24" x14ac:dyDescent="0.25">
      <c r="A739" s="15" t="s">
        <v>588</v>
      </c>
      <c r="B739" s="20" t="s">
        <v>1748</v>
      </c>
      <c r="C739" s="16" t="s">
        <v>197</v>
      </c>
      <c r="D739" s="16" t="s">
        <v>517</v>
      </c>
      <c r="E739" s="16"/>
      <c r="F739" s="16" t="s">
        <v>362</v>
      </c>
    </row>
    <row r="740" spans="1:6" ht="24.75" thickBot="1" x14ac:dyDescent="0.3">
      <c r="A740" s="22" t="s">
        <v>588</v>
      </c>
      <c r="B740" s="23" t="s">
        <v>1748</v>
      </c>
      <c r="C740" s="24" t="s">
        <v>514</v>
      </c>
      <c r="D740" s="24" t="s">
        <v>513</v>
      </c>
      <c r="E740" s="24"/>
      <c r="F740" s="16" t="s">
        <v>362</v>
      </c>
    </row>
    <row r="741" spans="1:6" ht="24.75" thickTop="1" x14ac:dyDescent="0.25">
      <c r="A741" s="25" t="s">
        <v>516</v>
      </c>
      <c r="B741" s="26" t="s">
        <v>515</v>
      </c>
      <c r="C741" s="27" t="s">
        <v>474</v>
      </c>
      <c r="D741" s="27" t="s">
        <v>586</v>
      </c>
      <c r="E741" s="27"/>
      <c r="F741" s="16" t="s">
        <v>362</v>
      </c>
    </row>
    <row r="742" spans="1:6" ht="24" x14ac:dyDescent="0.25">
      <c r="A742" s="15" t="s">
        <v>516</v>
      </c>
      <c r="B742" s="20" t="s">
        <v>1748</v>
      </c>
      <c r="C742" s="16" t="s">
        <v>386</v>
      </c>
      <c r="D742" s="16" t="s">
        <v>585</v>
      </c>
      <c r="E742" s="16"/>
      <c r="F742" s="16" t="s">
        <v>362</v>
      </c>
    </row>
    <row r="743" spans="1:6" ht="24" x14ac:dyDescent="0.25">
      <c r="A743" s="15" t="s">
        <v>516</v>
      </c>
      <c r="B743" s="20" t="s">
        <v>1748</v>
      </c>
      <c r="C743" s="16" t="s">
        <v>146</v>
      </c>
      <c r="D743" s="16" t="s">
        <v>584</v>
      </c>
      <c r="E743" s="16"/>
      <c r="F743" s="16" t="s">
        <v>362</v>
      </c>
    </row>
    <row r="744" spans="1:6" ht="24" x14ac:dyDescent="0.25">
      <c r="A744" s="15" t="s">
        <v>516</v>
      </c>
      <c r="B744" s="20" t="s">
        <v>1748</v>
      </c>
      <c r="C744" s="16" t="s">
        <v>468</v>
      </c>
      <c r="D744" s="16" t="s">
        <v>583</v>
      </c>
      <c r="E744" s="16"/>
      <c r="F744" s="16" t="s">
        <v>362</v>
      </c>
    </row>
    <row r="745" spans="1:6" ht="24" x14ac:dyDescent="0.25">
      <c r="A745" s="15" t="s">
        <v>516</v>
      </c>
      <c r="B745" s="20" t="s">
        <v>1748</v>
      </c>
      <c r="C745" s="16" t="s">
        <v>152</v>
      </c>
      <c r="D745" s="16" t="s">
        <v>582</v>
      </c>
      <c r="E745" s="16"/>
      <c r="F745" s="16" t="s">
        <v>362</v>
      </c>
    </row>
    <row r="746" spans="1:6" ht="24" x14ac:dyDescent="0.25">
      <c r="A746" s="15" t="s">
        <v>516</v>
      </c>
      <c r="B746" s="20" t="s">
        <v>1748</v>
      </c>
      <c r="C746" s="16" t="s">
        <v>581</v>
      </c>
      <c r="D746" s="16" t="s">
        <v>580</v>
      </c>
      <c r="E746" s="16"/>
      <c r="F746" s="16" t="s">
        <v>362</v>
      </c>
    </row>
    <row r="747" spans="1:6" ht="24" x14ac:dyDescent="0.25">
      <c r="A747" s="15" t="s">
        <v>516</v>
      </c>
      <c r="B747" s="20" t="s">
        <v>1748</v>
      </c>
      <c r="C747" s="16" t="s">
        <v>464</v>
      </c>
      <c r="D747" s="16" t="s">
        <v>579</v>
      </c>
      <c r="E747" s="16"/>
      <c r="F747" s="16" t="s">
        <v>362</v>
      </c>
    </row>
    <row r="748" spans="1:6" ht="24" x14ac:dyDescent="0.25">
      <c r="A748" s="15" t="s">
        <v>516</v>
      </c>
      <c r="B748" s="20" t="s">
        <v>1748</v>
      </c>
      <c r="C748" s="16" t="s">
        <v>380</v>
      </c>
      <c r="D748" s="16" t="s">
        <v>578</v>
      </c>
      <c r="E748" s="16"/>
      <c r="F748" s="16" t="s">
        <v>362</v>
      </c>
    </row>
    <row r="749" spans="1:6" ht="24" x14ac:dyDescent="0.25">
      <c r="A749" s="15" t="s">
        <v>516</v>
      </c>
      <c r="B749" s="20" t="s">
        <v>1748</v>
      </c>
      <c r="C749" s="16" t="s">
        <v>577</v>
      </c>
      <c r="D749" s="16" t="s">
        <v>576</v>
      </c>
      <c r="E749" s="16"/>
      <c r="F749" s="16" t="s">
        <v>362</v>
      </c>
    </row>
    <row r="750" spans="1:6" ht="24" x14ac:dyDescent="0.25">
      <c r="A750" s="15" t="s">
        <v>516</v>
      </c>
      <c r="B750" s="20" t="s">
        <v>1748</v>
      </c>
      <c r="C750" s="16" t="s">
        <v>149</v>
      </c>
      <c r="D750" s="16" t="s">
        <v>575</v>
      </c>
      <c r="E750" s="16"/>
      <c r="F750" s="16" t="s">
        <v>362</v>
      </c>
    </row>
    <row r="751" spans="1:6" ht="24" x14ac:dyDescent="0.25">
      <c r="A751" s="15" t="s">
        <v>516</v>
      </c>
      <c r="B751" s="20" t="s">
        <v>1748</v>
      </c>
      <c r="C751" s="16" t="s">
        <v>207</v>
      </c>
      <c r="D751" s="16" t="s">
        <v>532</v>
      </c>
      <c r="E751" s="16"/>
      <c r="F751" s="16" t="s">
        <v>362</v>
      </c>
    </row>
    <row r="752" spans="1:6" ht="24" x14ac:dyDescent="0.25">
      <c r="A752" s="15" t="s">
        <v>516</v>
      </c>
      <c r="B752" s="20" t="s">
        <v>1748</v>
      </c>
      <c r="C752" s="16" t="s">
        <v>423</v>
      </c>
      <c r="D752" s="16" t="s">
        <v>574</v>
      </c>
      <c r="E752" s="16"/>
      <c r="F752" s="16" t="s">
        <v>362</v>
      </c>
    </row>
    <row r="753" spans="1:6" ht="24.75" thickBot="1" x14ac:dyDescent="0.3">
      <c r="A753" s="22" t="s">
        <v>516</v>
      </c>
      <c r="B753" s="23" t="s">
        <v>1748</v>
      </c>
      <c r="C753" s="24" t="s">
        <v>204</v>
      </c>
      <c r="D753" s="24" t="s">
        <v>573</v>
      </c>
      <c r="E753" s="24"/>
      <c r="F753" s="16" t="s">
        <v>362</v>
      </c>
    </row>
    <row r="754" spans="1:6" ht="25.5" thickTop="1" thickBot="1" x14ac:dyDescent="0.3">
      <c r="A754" s="28" t="s">
        <v>572</v>
      </c>
      <c r="B754" s="29" t="s">
        <v>571</v>
      </c>
      <c r="C754" s="30"/>
      <c r="D754" s="30"/>
      <c r="E754" s="30"/>
      <c r="F754" s="16" t="s">
        <v>362</v>
      </c>
    </row>
    <row r="755" spans="1:6" ht="36.75" thickTop="1" x14ac:dyDescent="0.25">
      <c r="A755" s="25" t="s">
        <v>555</v>
      </c>
      <c r="B755" s="26" t="s">
        <v>554</v>
      </c>
      <c r="C755" s="27">
        <v>0</v>
      </c>
      <c r="D755" s="27" t="s">
        <v>570</v>
      </c>
      <c r="E755" s="27" t="s">
        <v>569</v>
      </c>
      <c r="F755" s="16" t="s">
        <v>362</v>
      </c>
    </row>
    <row r="756" spans="1:6" ht="36" x14ac:dyDescent="0.25">
      <c r="A756" s="15" t="s">
        <v>555</v>
      </c>
      <c r="B756" s="20" t="s">
        <v>1748</v>
      </c>
      <c r="C756" s="16">
        <v>1</v>
      </c>
      <c r="D756" s="16" t="s">
        <v>568</v>
      </c>
      <c r="E756" s="16" t="s">
        <v>567</v>
      </c>
      <c r="F756" s="16" t="s">
        <v>362</v>
      </c>
    </row>
    <row r="757" spans="1:6" ht="36" x14ac:dyDescent="0.25">
      <c r="A757" s="15" t="s">
        <v>555</v>
      </c>
      <c r="B757" s="20" t="s">
        <v>1748</v>
      </c>
      <c r="C757" s="16">
        <v>2</v>
      </c>
      <c r="D757" s="16" t="s">
        <v>566</v>
      </c>
      <c r="E757" s="16" t="s">
        <v>565</v>
      </c>
      <c r="F757" s="16" t="s">
        <v>362</v>
      </c>
    </row>
    <row r="758" spans="1:6" ht="36" x14ac:dyDescent="0.25">
      <c r="A758" s="15" t="s">
        <v>555</v>
      </c>
      <c r="B758" s="20" t="s">
        <v>1748</v>
      </c>
      <c r="C758" s="16">
        <v>3</v>
      </c>
      <c r="D758" s="16" t="s">
        <v>564</v>
      </c>
      <c r="E758" s="16" t="s">
        <v>563</v>
      </c>
      <c r="F758" s="16" t="s">
        <v>362</v>
      </c>
    </row>
    <row r="759" spans="1:6" ht="48" x14ac:dyDescent="0.25">
      <c r="A759" s="15" t="s">
        <v>555</v>
      </c>
      <c r="B759" s="20" t="s">
        <v>1748</v>
      </c>
      <c r="C759" s="16">
        <v>4</v>
      </c>
      <c r="D759" s="16" t="s">
        <v>562</v>
      </c>
      <c r="E759" s="16" t="s">
        <v>561</v>
      </c>
      <c r="F759" s="16" t="s">
        <v>362</v>
      </c>
    </row>
    <row r="760" spans="1:6" ht="48" x14ac:dyDescent="0.25">
      <c r="A760" s="15" t="s">
        <v>555</v>
      </c>
      <c r="B760" s="20" t="s">
        <v>1748</v>
      </c>
      <c r="C760" s="16">
        <v>5</v>
      </c>
      <c r="D760" s="16" t="s">
        <v>560</v>
      </c>
      <c r="E760" s="16" t="s">
        <v>559</v>
      </c>
      <c r="F760" s="16" t="s">
        <v>362</v>
      </c>
    </row>
    <row r="761" spans="1:6" ht="48" x14ac:dyDescent="0.25">
      <c r="A761" s="15" t="s">
        <v>555</v>
      </c>
      <c r="B761" s="20" t="s">
        <v>1748</v>
      </c>
      <c r="C761" s="16">
        <v>6</v>
      </c>
      <c r="D761" s="16" t="s">
        <v>553</v>
      </c>
      <c r="E761" s="16" t="s">
        <v>558</v>
      </c>
      <c r="F761" s="16" t="s">
        <v>362</v>
      </c>
    </row>
    <row r="762" spans="1:6" ht="48" x14ac:dyDescent="0.25">
      <c r="A762" s="15" t="s">
        <v>555</v>
      </c>
      <c r="B762" s="20" t="s">
        <v>1748</v>
      </c>
      <c r="C762" s="16">
        <v>7</v>
      </c>
      <c r="D762" s="16" t="s">
        <v>557</v>
      </c>
      <c r="E762" s="16" t="s">
        <v>556</v>
      </c>
      <c r="F762" s="16" t="s">
        <v>362</v>
      </c>
    </row>
    <row r="763" spans="1:6" ht="36.75" thickBot="1" x14ac:dyDescent="0.3">
      <c r="A763" s="22" t="s">
        <v>555</v>
      </c>
      <c r="B763" s="23" t="s">
        <v>1748</v>
      </c>
      <c r="C763" s="24">
        <v>8</v>
      </c>
      <c r="D763" s="24" t="s">
        <v>553</v>
      </c>
      <c r="E763" s="24" t="s">
        <v>552</v>
      </c>
      <c r="F763" s="16" t="s">
        <v>362</v>
      </c>
    </row>
    <row r="764" spans="1:6" ht="24.75" thickTop="1" x14ac:dyDescent="0.25">
      <c r="A764" s="25" t="s">
        <v>546</v>
      </c>
      <c r="B764" s="26" t="s">
        <v>545</v>
      </c>
      <c r="C764" s="27" t="s">
        <v>474</v>
      </c>
      <c r="D764" s="27" t="s">
        <v>551</v>
      </c>
      <c r="E764" s="27"/>
      <c r="F764" s="16" t="s">
        <v>362</v>
      </c>
    </row>
    <row r="765" spans="1:6" ht="24" x14ac:dyDescent="0.25">
      <c r="A765" s="15" t="s">
        <v>546</v>
      </c>
      <c r="B765" s="20" t="s">
        <v>1748</v>
      </c>
      <c r="C765" s="16" t="s">
        <v>472</v>
      </c>
      <c r="D765" s="16" t="s">
        <v>550</v>
      </c>
      <c r="E765" s="16"/>
      <c r="F765" s="16" t="s">
        <v>362</v>
      </c>
    </row>
    <row r="766" spans="1:6" ht="24" x14ac:dyDescent="0.25">
      <c r="A766" s="15" t="s">
        <v>546</v>
      </c>
      <c r="B766" s="20" t="s">
        <v>1748</v>
      </c>
      <c r="C766" s="16" t="s">
        <v>386</v>
      </c>
      <c r="D766" s="16" t="s">
        <v>549</v>
      </c>
      <c r="E766" s="16"/>
      <c r="F766" s="16" t="s">
        <v>362</v>
      </c>
    </row>
    <row r="767" spans="1:6" ht="24" x14ac:dyDescent="0.25">
      <c r="A767" s="15" t="s">
        <v>546</v>
      </c>
      <c r="B767" s="20" t="s">
        <v>1748</v>
      </c>
      <c r="C767" s="16" t="s">
        <v>146</v>
      </c>
      <c r="D767" s="16" t="s">
        <v>548</v>
      </c>
      <c r="E767" s="16"/>
      <c r="F767" s="16" t="s">
        <v>362</v>
      </c>
    </row>
    <row r="768" spans="1:6" ht="24" x14ac:dyDescent="0.25">
      <c r="A768" s="15" t="s">
        <v>546</v>
      </c>
      <c r="B768" s="20" t="s">
        <v>1748</v>
      </c>
      <c r="C768" s="16" t="s">
        <v>468</v>
      </c>
      <c r="D768" s="16" t="s">
        <v>547</v>
      </c>
      <c r="E768" s="16"/>
      <c r="F768" s="16" t="s">
        <v>362</v>
      </c>
    </row>
    <row r="769" spans="1:6" ht="24.75" thickBot="1" x14ac:dyDescent="0.3">
      <c r="A769" s="22" t="s">
        <v>546</v>
      </c>
      <c r="B769" s="23" t="s">
        <v>1748</v>
      </c>
      <c r="C769" s="24" t="s">
        <v>152</v>
      </c>
      <c r="D769" s="24" t="s">
        <v>544</v>
      </c>
      <c r="E769" s="24"/>
      <c r="F769" s="16" t="s">
        <v>362</v>
      </c>
    </row>
    <row r="770" spans="1:6" ht="13.5" thickTop="1" thickBot="1" x14ac:dyDescent="0.3">
      <c r="A770" s="28" t="s">
        <v>543</v>
      </c>
      <c r="B770" s="29" t="s">
        <v>542</v>
      </c>
      <c r="C770" s="30"/>
      <c r="D770" s="30"/>
      <c r="E770" s="30"/>
      <c r="F770" s="16" t="s">
        <v>362</v>
      </c>
    </row>
    <row r="771" spans="1:6" ht="13.5" thickTop="1" thickBot="1" x14ac:dyDescent="0.3">
      <c r="A771" s="28" t="s">
        <v>541</v>
      </c>
      <c r="B771" s="29" t="s">
        <v>540</v>
      </c>
      <c r="C771" s="30"/>
      <c r="D771" s="30"/>
      <c r="E771" s="30"/>
      <c r="F771" s="16" t="s">
        <v>362</v>
      </c>
    </row>
    <row r="772" spans="1:6" ht="25.5" thickTop="1" thickBot="1" x14ac:dyDescent="0.3">
      <c r="A772" s="28" t="s">
        <v>539</v>
      </c>
      <c r="B772" s="29" t="s">
        <v>538</v>
      </c>
      <c r="C772" s="30"/>
      <c r="D772" s="30"/>
      <c r="E772" s="30"/>
      <c r="F772" s="16" t="s">
        <v>362</v>
      </c>
    </row>
    <row r="773" spans="1:6" ht="24.75" thickTop="1" x14ac:dyDescent="0.25">
      <c r="A773" s="25" t="s">
        <v>529</v>
      </c>
      <c r="B773" s="26" t="s">
        <v>528</v>
      </c>
      <c r="C773" s="27" t="s">
        <v>537</v>
      </c>
      <c r="D773" s="27" t="s">
        <v>536</v>
      </c>
      <c r="E773" s="27"/>
      <c r="F773" s="16" t="s">
        <v>362</v>
      </c>
    </row>
    <row r="774" spans="1:6" ht="24" x14ac:dyDescent="0.25">
      <c r="A774" s="15" t="s">
        <v>529</v>
      </c>
      <c r="B774" s="20" t="s">
        <v>1748</v>
      </c>
      <c r="C774" s="16" t="s">
        <v>535</v>
      </c>
      <c r="D774" s="16" t="s">
        <v>534</v>
      </c>
      <c r="E774" s="16"/>
      <c r="F774" s="16" t="s">
        <v>362</v>
      </c>
    </row>
    <row r="775" spans="1:6" ht="24" x14ac:dyDescent="0.25">
      <c r="A775" s="15" t="s">
        <v>529</v>
      </c>
      <c r="B775" s="20" t="s">
        <v>1748</v>
      </c>
      <c r="C775" s="16" t="s">
        <v>533</v>
      </c>
      <c r="D775" s="16" t="s">
        <v>532</v>
      </c>
      <c r="E775" s="16"/>
      <c r="F775" s="16" t="s">
        <v>362</v>
      </c>
    </row>
    <row r="776" spans="1:6" ht="24" x14ac:dyDescent="0.25">
      <c r="A776" s="15" t="s">
        <v>529</v>
      </c>
      <c r="B776" s="20" t="s">
        <v>1748</v>
      </c>
      <c r="C776" s="16" t="s">
        <v>531</v>
      </c>
      <c r="D776" s="16" t="s">
        <v>530</v>
      </c>
      <c r="E776" s="16"/>
      <c r="F776" s="16" t="s">
        <v>362</v>
      </c>
    </row>
    <row r="777" spans="1:6" ht="24.75" thickBot="1" x14ac:dyDescent="0.3">
      <c r="A777" s="22" t="s">
        <v>529</v>
      </c>
      <c r="B777" s="23" t="s">
        <v>1748</v>
      </c>
      <c r="C777" s="24" t="s">
        <v>527</v>
      </c>
      <c r="D777" s="24" t="s">
        <v>526</v>
      </c>
      <c r="E777" s="24"/>
      <c r="F777" s="16" t="s">
        <v>362</v>
      </c>
    </row>
    <row r="778" spans="1:6" ht="36.75" thickTop="1" x14ac:dyDescent="0.25">
      <c r="A778" s="25" t="s">
        <v>523</v>
      </c>
      <c r="B778" s="26" t="s">
        <v>522</v>
      </c>
      <c r="C778" s="27" t="s">
        <v>328</v>
      </c>
      <c r="D778" s="27" t="s">
        <v>525</v>
      </c>
      <c r="E778" s="27" t="s">
        <v>524</v>
      </c>
      <c r="F778" s="16" t="s">
        <v>362</v>
      </c>
    </row>
    <row r="779" spans="1:6" ht="36.75" thickBot="1" x14ac:dyDescent="0.3">
      <c r="A779" s="22" t="s">
        <v>523</v>
      </c>
      <c r="B779" s="23" t="s">
        <v>1748</v>
      </c>
      <c r="C779" s="24" t="s">
        <v>521</v>
      </c>
      <c r="D779" s="24" t="s">
        <v>520</v>
      </c>
      <c r="E779" s="24" t="s">
        <v>519</v>
      </c>
      <c r="F779" s="16" t="s">
        <v>362</v>
      </c>
    </row>
    <row r="780" spans="1:6" ht="24.75" thickTop="1" x14ac:dyDescent="0.25">
      <c r="A780" s="25" t="s">
        <v>516</v>
      </c>
      <c r="B780" s="26" t="s">
        <v>515</v>
      </c>
      <c r="C780" s="27" t="s">
        <v>452</v>
      </c>
      <c r="D780" s="27" t="s">
        <v>518</v>
      </c>
      <c r="E780" s="27"/>
      <c r="F780" s="16" t="s">
        <v>362</v>
      </c>
    </row>
    <row r="781" spans="1:6" ht="24" x14ac:dyDescent="0.25">
      <c r="A781" s="15" t="s">
        <v>516</v>
      </c>
      <c r="B781" s="20" t="s">
        <v>1748</v>
      </c>
      <c r="C781" s="16" t="s">
        <v>197</v>
      </c>
      <c r="D781" s="16" t="s">
        <v>517</v>
      </c>
      <c r="E781" s="16"/>
      <c r="F781" s="16" t="s">
        <v>362</v>
      </c>
    </row>
    <row r="782" spans="1:6" ht="24.75" thickBot="1" x14ac:dyDescent="0.3">
      <c r="A782" s="22" t="s">
        <v>516</v>
      </c>
      <c r="B782" s="23" t="s">
        <v>1748</v>
      </c>
      <c r="C782" s="24" t="s">
        <v>514</v>
      </c>
      <c r="D782" s="24" t="s">
        <v>513</v>
      </c>
      <c r="E782" s="24"/>
      <c r="F782" s="16" t="s">
        <v>362</v>
      </c>
    </row>
    <row r="783" spans="1:6" ht="36.75" thickTop="1" x14ac:dyDescent="0.25">
      <c r="A783" s="25" t="s">
        <v>512</v>
      </c>
      <c r="B783" s="26" t="s">
        <v>511</v>
      </c>
      <c r="C783" s="27" t="s">
        <v>508</v>
      </c>
      <c r="D783" s="27" t="s">
        <v>507</v>
      </c>
      <c r="E783" s="27"/>
      <c r="F783" s="16" t="s">
        <v>362</v>
      </c>
    </row>
    <row r="784" spans="1:6" ht="36" x14ac:dyDescent="0.25">
      <c r="A784" s="15" t="s">
        <v>512</v>
      </c>
      <c r="B784" s="20" t="s">
        <v>1748</v>
      </c>
      <c r="C784" s="16" t="s">
        <v>506</v>
      </c>
      <c r="D784" s="16" t="s">
        <v>505</v>
      </c>
      <c r="E784" s="16"/>
      <c r="F784" s="16" t="s">
        <v>362</v>
      </c>
    </row>
    <row r="785" spans="1:6" ht="36" x14ac:dyDescent="0.25">
      <c r="A785" s="15" t="s">
        <v>512</v>
      </c>
      <c r="B785" s="20" t="s">
        <v>1748</v>
      </c>
      <c r="C785" s="16" t="s">
        <v>504</v>
      </c>
      <c r="D785" s="16" t="s">
        <v>503</v>
      </c>
      <c r="E785" s="16"/>
      <c r="F785" s="16" t="s">
        <v>362</v>
      </c>
    </row>
    <row r="786" spans="1:6" ht="36" x14ac:dyDescent="0.25">
      <c r="A786" s="15" t="s">
        <v>512</v>
      </c>
      <c r="B786" s="20" t="s">
        <v>1748</v>
      </c>
      <c r="C786" s="16" t="s">
        <v>502</v>
      </c>
      <c r="D786" s="16" t="s">
        <v>501</v>
      </c>
      <c r="E786" s="16"/>
      <c r="F786" s="16" t="s">
        <v>362</v>
      </c>
    </row>
    <row r="787" spans="1:6" ht="36" x14ac:dyDescent="0.25">
      <c r="A787" s="15" t="s">
        <v>512</v>
      </c>
      <c r="B787" s="20" t="s">
        <v>1748</v>
      </c>
      <c r="C787" s="16" t="s">
        <v>500</v>
      </c>
      <c r="D787" s="16" t="s">
        <v>499</v>
      </c>
      <c r="E787" s="16"/>
      <c r="F787" s="16" t="s">
        <v>362</v>
      </c>
    </row>
    <row r="788" spans="1:6" ht="36" x14ac:dyDescent="0.25">
      <c r="A788" s="15" t="s">
        <v>512</v>
      </c>
      <c r="B788" s="20" t="s">
        <v>1748</v>
      </c>
      <c r="C788" s="16" t="s">
        <v>498</v>
      </c>
      <c r="D788" s="16" t="s">
        <v>497</v>
      </c>
      <c r="E788" s="16"/>
      <c r="F788" s="16" t="s">
        <v>362</v>
      </c>
    </row>
    <row r="789" spans="1:6" ht="36" x14ac:dyDescent="0.25">
      <c r="A789" s="15" t="s">
        <v>512</v>
      </c>
      <c r="B789" s="20" t="s">
        <v>1748</v>
      </c>
      <c r="C789" s="16" t="s">
        <v>496</v>
      </c>
      <c r="D789" s="16" t="s">
        <v>495</v>
      </c>
      <c r="E789" s="16"/>
      <c r="F789" s="16" t="s">
        <v>362</v>
      </c>
    </row>
    <row r="790" spans="1:6" ht="36" x14ac:dyDescent="0.25">
      <c r="A790" s="15" t="s">
        <v>512</v>
      </c>
      <c r="B790" s="20" t="s">
        <v>1748</v>
      </c>
      <c r="C790" s="16" t="s">
        <v>494</v>
      </c>
      <c r="D790" s="16" t="s">
        <v>493</v>
      </c>
      <c r="E790" s="16"/>
      <c r="F790" s="16" t="s">
        <v>362</v>
      </c>
    </row>
    <row r="791" spans="1:6" ht="36" x14ac:dyDescent="0.25">
      <c r="A791" s="15" t="s">
        <v>512</v>
      </c>
      <c r="B791" s="20" t="s">
        <v>1748</v>
      </c>
      <c r="C791" s="16" t="s">
        <v>437</v>
      </c>
      <c r="D791" s="16" t="s">
        <v>492</v>
      </c>
      <c r="E791" s="16"/>
      <c r="F791" s="16" t="s">
        <v>362</v>
      </c>
    </row>
    <row r="792" spans="1:6" ht="36" x14ac:dyDescent="0.25">
      <c r="A792" s="15" t="s">
        <v>512</v>
      </c>
      <c r="B792" s="20" t="s">
        <v>1748</v>
      </c>
      <c r="C792" s="16" t="s">
        <v>431</v>
      </c>
      <c r="D792" s="16" t="s">
        <v>491</v>
      </c>
      <c r="E792" s="16"/>
      <c r="F792" s="16" t="s">
        <v>362</v>
      </c>
    </row>
    <row r="793" spans="1:6" ht="36" x14ac:dyDescent="0.25">
      <c r="A793" s="15" t="s">
        <v>512</v>
      </c>
      <c r="B793" s="20" t="s">
        <v>1748</v>
      </c>
      <c r="C793" s="16" t="s">
        <v>443</v>
      </c>
      <c r="D793" s="16" t="s">
        <v>490</v>
      </c>
      <c r="E793" s="16"/>
      <c r="F793" s="16" t="s">
        <v>362</v>
      </c>
    </row>
    <row r="794" spans="1:6" ht="36" x14ac:dyDescent="0.25">
      <c r="A794" s="15" t="s">
        <v>512</v>
      </c>
      <c r="B794" s="20" t="s">
        <v>1748</v>
      </c>
      <c r="C794" s="16" t="s">
        <v>489</v>
      </c>
      <c r="D794" s="16" t="s">
        <v>488</v>
      </c>
      <c r="E794" s="16"/>
      <c r="F794" s="16" t="s">
        <v>362</v>
      </c>
    </row>
    <row r="795" spans="1:6" ht="36" x14ac:dyDescent="0.25">
      <c r="A795" s="15" t="s">
        <v>512</v>
      </c>
      <c r="B795" s="20" t="s">
        <v>1748</v>
      </c>
      <c r="C795" s="16" t="s">
        <v>487</v>
      </c>
      <c r="D795" s="16" t="s">
        <v>486</v>
      </c>
      <c r="E795" s="16"/>
      <c r="F795" s="16" t="s">
        <v>362</v>
      </c>
    </row>
    <row r="796" spans="1:6" ht="36" x14ac:dyDescent="0.25">
      <c r="A796" s="15" t="s">
        <v>512</v>
      </c>
      <c r="B796" s="20" t="s">
        <v>1748</v>
      </c>
      <c r="C796" s="16" t="s">
        <v>485</v>
      </c>
      <c r="D796" s="16" t="s">
        <v>484</v>
      </c>
      <c r="E796" s="16"/>
      <c r="F796" s="16" t="s">
        <v>362</v>
      </c>
    </row>
    <row r="797" spans="1:6" ht="36" x14ac:dyDescent="0.25">
      <c r="A797" s="15" t="s">
        <v>512</v>
      </c>
      <c r="B797" s="20" t="s">
        <v>1748</v>
      </c>
      <c r="C797" s="16" t="s">
        <v>426</v>
      </c>
      <c r="D797" s="16" t="s">
        <v>483</v>
      </c>
      <c r="E797" s="16"/>
      <c r="F797" s="16" t="s">
        <v>362</v>
      </c>
    </row>
    <row r="798" spans="1:6" ht="36" x14ac:dyDescent="0.25">
      <c r="A798" s="15" t="s">
        <v>512</v>
      </c>
      <c r="B798" s="20" t="s">
        <v>1748</v>
      </c>
      <c r="C798" s="16" t="s">
        <v>440</v>
      </c>
      <c r="D798" s="16" t="s">
        <v>482</v>
      </c>
      <c r="E798" s="16"/>
      <c r="F798" s="16" t="s">
        <v>362</v>
      </c>
    </row>
    <row r="799" spans="1:6" ht="36.75" thickBot="1" x14ac:dyDescent="0.3">
      <c r="A799" s="22" t="s">
        <v>512</v>
      </c>
      <c r="B799" s="23" t="s">
        <v>1748</v>
      </c>
      <c r="C799" s="24" t="s">
        <v>446</v>
      </c>
      <c r="D799" s="24" t="s">
        <v>479</v>
      </c>
      <c r="E799" s="24"/>
      <c r="F799" s="16" t="s">
        <v>362</v>
      </c>
    </row>
    <row r="800" spans="1:6" ht="36.75" thickTop="1" x14ac:dyDescent="0.25">
      <c r="A800" s="25" t="s">
        <v>510</v>
      </c>
      <c r="B800" s="26" t="s">
        <v>509</v>
      </c>
      <c r="C800" s="27" t="s">
        <v>508</v>
      </c>
      <c r="D800" s="27" t="s">
        <v>507</v>
      </c>
      <c r="E800" s="27"/>
      <c r="F800" s="16" t="s">
        <v>362</v>
      </c>
    </row>
    <row r="801" spans="1:6" ht="36" x14ac:dyDescent="0.25">
      <c r="A801" s="15" t="s">
        <v>510</v>
      </c>
      <c r="B801" s="20" t="s">
        <v>1748</v>
      </c>
      <c r="C801" s="16" t="s">
        <v>506</v>
      </c>
      <c r="D801" s="16" t="s">
        <v>505</v>
      </c>
      <c r="E801" s="16"/>
      <c r="F801" s="16" t="s">
        <v>362</v>
      </c>
    </row>
    <row r="802" spans="1:6" ht="36" x14ac:dyDescent="0.25">
      <c r="A802" s="15" t="s">
        <v>510</v>
      </c>
      <c r="B802" s="20" t="s">
        <v>1748</v>
      </c>
      <c r="C802" s="16" t="s">
        <v>504</v>
      </c>
      <c r="D802" s="16" t="s">
        <v>503</v>
      </c>
      <c r="E802" s="16"/>
      <c r="F802" s="16" t="s">
        <v>362</v>
      </c>
    </row>
    <row r="803" spans="1:6" ht="36" x14ac:dyDescent="0.25">
      <c r="A803" s="15" t="s">
        <v>510</v>
      </c>
      <c r="B803" s="20" t="s">
        <v>1748</v>
      </c>
      <c r="C803" s="16" t="s">
        <v>502</v>
      </c>
      <c r="D803" s="16" t="s">
        <v>501</v>
      </c>
      <c r="E803" s="16"/>
      <c r="F803" s="16" t="s">
        <v>362</v>
      </c>
    </row>
    <row r="804" spans="1:6" ht="36" x14ac:dyDescent="0.25">
      <c r="A804" s="15" t="s">
        <v>510</v>
      </c>
      <c r="B804" s="20" t="s">
        <v>1748</v>
      </c>
      <c r="C804" s="16" t="s">
        <v>500</v>
      </c>
      <c r="D804" s="16" t="s">
        <v>499</v>
      </c>
      <c r="E804" s="16"/>
      <c r="F804" s="16" t="s">
        <v>362</v>
      </c>
    </row>
    <row r="805" spans="1:6" ht="36" x14ac:dyDescent="0.25">
      <c r="A805" s="15" t="s">
        <v>510</v>
      </c>
      <c r="B805" s="20" t="s">
        <v>1748</v>
      </c>
      <c r="C805" s="16" t="s">
        <v>498</v>
      </c>
      <c r="D805" s="16" t="s">
        <v>497</v>
      </c>
      <c r="E805" s="16"/>
      <c r="F805" s="16" t="s">
        <v>362</v>
      </c>
    </row>
    <row r="806" spans="1:6" ht="36" x14ac:dyDescent="0.25">
      <c r="A806" s="15" t="s">
        <v>510</v>
      </c>
      <c r="B806" s="20" t="s">
        <v>1748</v>
      </c>
      <c r="C806" s="16" t="s">
        <v>496</v>
      </c>
      <c r="D806" s="16" t="s">
        <v>495</v>
      </c>
      <c r="E806" s="16"/>
      <c r="F806" s="16" t="s">
        <v>362</v>
      </c>
    </row>
    <row r="807" spans="1:6" ht="36" x14ac:dyDescent="0.25">
      <c r="A807" s="15" t="s">
        <v>510</v>
      </c>
      <c r="B807" s="20" t="s">
        <v>1748</v>
      </c>
      <c r="C807" s="16" t="s">
        <v>494</v>
      </c>
      <c r="D807" s="16" t="s">
        <v>493</v>
      </c>
      <c r="E807" s="16"/>
      <c r="F807" s="16" t="s">
        <v>362</v>
      </c>
    </row>
    <row r="808" spans="1:6" ht="36" x14ac:dyDescent="0.25">
      <c r="A808" s="15" t="s">
        <v>510</v>
      </c>
      <c r="B808" s="20" t="s">
        <v>1748</v>
      </c>
      <c r="C808" s="16" t="s">
        <v>437</v>
      </c>
      <c r="D808" s="16" t="s">
        <v>492</v>
      </c>
      <c r="E808" s="16"/>
      <c r="F808" s="16" t="s">
        <v>362</v>
      </c>
    </row>
    <row r="809" spans="1:6" ht="36" x14ac:dyDescent="0.25">
      <c r="A809" s="15" t="s">
        <v>510</v>
      </c>
      <c r="B809" s="20" t="s">
        <v>1748</v>
      </c>
      <c r="C809" s="16" t="s">
        <v>431</v>
      </c>
      <c r="D809" s="16" t="s">
        <v>491</v>
      </c>
      <c r="E809" s="16"/>
      <c r="F809" s="16" t="s">
        <v>362</v>
      </c>
    </row>
    <row r="810" spans="1:6" ht="36" x14ac:dyDescent="0.25">
      <c r="A810" s="15" t="s">
        <v>510</v>
      </c>
      <c r="B810" s="20" t="s">
        <v>1748</v>
      </c>
      <c r="C810" s="16" t="s">
        <v>443</v>
      </c>
      <c r="D810" s="16" t="s">
        <v>490</v>
      </c>
      <c r="E810" s="16"/>
      <c r="F810" s="16" t="s">
        <v>362</v>
      </c>
    </row>
    <row r="811" spans="1:6" ht="36" x14ac:dyDescent="0.25">
      <c r="A811" s="15" t="s">
        <v>510</v>
      </c>
      <c r="B811" s="20" t="s">
        <v>1748</v>
      </c>
      <c r="C811" s="16" t="s">
        <v>489</v>
      </c>
      <c r="D811" s="16" t="s">
        <v>488</v>
      </c>
      <c r="E811" s="16"/>
      <c r="F811" s="16" t="s">
        <v>362</v>
      </c>
    </row>
    <row r="812" spans="1:6" ht="36" x14ac:dyDescent="0.25">
      <c r="A812" s="15" t="s">
        <v>510</v>
      </c>
      <c r="B812" s="20" t="s">
        <v>1748</v>
      </c>
      <c r="C812" s="16" t="s">
        <v>487</v>
      </c>
      <c r="D812" s="16" t="s">
        <v>486</v>
      </c>
      <c r="E812" s="16"/>
      <c r="F812" s="16" t="s">
        <v>362</v>
      </c>
    </row>
    <row r="813" spans="1:6" ht="36" x14ac:dyDescent="0.25">
      <c r="A813" s="15" t="s">
        <v>510</v>
      </c>
      <c r="B813" s="20" t="s">
        <v>1748</v>
      </c>
      <c r="C813" s="16" t="s">
        <v>485</v>
      </c>
      <c r="D813" s="16" t="s">
        <v>484</v>
      </c>
      <c r="E813" s="16"/>
      <c r="F813" s="16" t="s">
        <v>362</v>
      </c>
    </row>
    <row r="814" spans="1:6" ht="36" x14ac:dyDescent="0.25">
      <c r="A814" s="15" t="s">
        <v>510</v>
      </c>
      <c r="B814" s="20" t="s">
        <v>1748</v>
      </c>
      <c r="C814" s="16" t="s">
        <v>426</v>
      </c>
      <c r="D814" s="16" t="s">
        <v>483</v>
      </c>
      <c r="E814" s="16"/>
      <c r="F814" s="16" t="s">
        <v>362</v>
      </c>
    </row>
    <row r="815" spans="1:6" ht="36" x14ac:dyDescent="0.25">
      <c r="A815" s="15" t="s">
        <v>510</v>
      </c>
      <c r="B815" s="20" t="s">
        <v>1748</v>
      </c>
      <c r="C815" s="16" t="s">
        <v>440</v>
      </c>
      <c r="D815" s="16" t="s">
        <v>482</v>
      </c>
      <c r="E815" s="16"/>
      <c r="F815" s="16" t="s">
        <v>362</v>
      </c>
    </row>
    <row r="816" spans="1:6" ht="36.75" thickBot="1" x14ac:dyDescent="0.3">
      <c r="A816" s="22" t="s">
        <v>510</v>
      </c>
      <c r="B816" s="23" t="s">
        <v>1748</v>
      </c>
      <c r="C816" s="24" t="s">
        <v>446</v>
      </c>
      <c r="D816" s="24" t="s">
        <v>479</v>
      </c>
      <c r="E816" s="24"/>
      <c r="F816" s="16" t="s">
        <v>362</v>
      </c>
    </row>
    <row r="817" spans="1:6" ht="36.75" thickTop="1" x14ac:dyDescent="0.25">
      <c r="A817" s="25" t="s">
        <v>481</v>
      </c>
      <c r="B817" s="26" t="s">
        <v>480</v>
      </c>
      <c r="C817" s="27" t="s">
        <v>508</v>
      </c>
      <c r="D817" s="27" t="s">
        <v>507</v>
      </c>
      <c r="E817" s="27"/>
      <c r="F817" s="16" t="s">
        <v>362</v>
      </c>
    </row>
    <row r="818" spans="1:6" ht="36" x14ac:dyDescent="0.25">
      <c r="A818" s="15" t="s">
        <v>481</v>
      </c>
      <c r="B818" s="20" t="s">
        <v>1748</v>
      </c>
      <c r="C818" s="16" t="s">
        <v>506</v>
      </c>
      <c r="D818" s="16" t="s">
        <v>505</v>
      </c>
      <c r="E818" s="16"/>
      <c r="F818" s="16" t="s">
        <v>362</v>
      </c>
    </row>
    <row r="819" spans="1:6" ht="36" x14ac:dyDescent="0.25">
      <c r="A819" s="15" t="s">
        <v>481</v>
      </c>
      <c r="B819" s="20" t="s">
        <v>1748</v>
      </c>
      <c r="C819" s="16" t="s">
        <v>504</v>
      </c>
      <c r="D819" s="16" t="s">
        <v>503</v>
      </c>
      <c r="E819" s="16"/>
      <c r="F819" s="16" t="s">
        <v>362</v>
      </c>
    </row>
    <row r="820" spans="1:6" ht="36" x14ac:dyDescent="0.25">
      <c r="A820" s="15" t="s">
        <v>481</v>
      </c>
      <c r="B820" s="20" t="s">
        <v>1748</v>
      </c>
      <c r="C820" s="16" t="s">
        <v>502</v>
      </c>
      <c r="D820" s="16" t="s">
        <v>501</v>
      </c>
      <c r="E820" s="16"/>
      <c r="F820" s="16" t="s">
        <v>362</v>
      </c>
    </row>
    <row r="821" spans="1:6" ht="36" x14ac:dyDescent="0.25">
      <c r="A821" s="15" t="s">
        <v>481</v>
      </c>
      <c r="B821" s="20" t="s">
        <v>1748</v>
      </c>
      <c r="C821" s="16" t="s">
        <v>500</v>
      </c>
      <c r="D821" s="16" t="s">
        <v>499</v>
      </c>
      <c r="E821" s="16"/>
      <c r="F821" s="16" t="s">
        <v>362</v>
      </c>
    </row>
    <row r="822" spans="1:6" ht="36" x14ac:dyDescent="0.25">
      <c r="A822" s="15" t="s">
        <v>481</v>
      </c>
      <c r="B822" s="20" t="s">
        <v>1748</v>
      </c>
      <c r="C822" s="16" t="s">
        <v>498</v>
      </c>
      <c r="D822" s="16" t="s">
        <v>497</v>
      </c>
      <c r="E822" s="16"/>
      <c r="F822" s="16" t="s">
        <v>362</v>
      </c>
    </row>
    <row r="823" spans="1:6" ht="36" x14ac:dyDescent="0.25">
      <c r="A823" s="15" t="s">
        <v>481</v>
      </c>
      <c r="B823" s="20" t="s">
        <v>1748</v>
      </c>
      <c r="C823" s="16" t="s">
        <v>496</v>
      </c>
      <c r="D823" s="16" t="s">
        <v>495</v>
      </c>
      <c r="E823" s="16"/>
      <c r="F823" s="16" t="s">
        <v>362</v>
      </c>
    </row>
    <row r="824" spans="1:6" ht="36" x14ac:dyDescent="0.25">
      <c r="A824" s="15" t="s">
        <v>481</v>
      </c>
      <c r="B824" s="20" t="s">
        <v>1748</v>
      </c>
      <c r="C824" s="16" t="s">
        <v>494</v>
      </c>
      <c r="D824" s="16" t="s">
        <v>493</v>
      </c>
      <c r="E824" s="16"/>
      <c r="F824" s="16" t="s">
        <v>362</v>
      </c>
    </row>
    <row r="825" spans="1:6" ht="36" x14ac:dyDescent="0.25">
      <c r="A825" s="15" t="s">
        <v>481</v>
      </c>
      <c r="B825" s="20" t="s">
        <v>1748</v>
      </c>
      <c r="C825" s="16" t="s">
        <v>437</v>
      </c>
      <c r="D825" s="16" t="s">
        <v>492</v>
      </c>
      <c r="E825" s="16"/>
      <c r="F825" s="16" t="s">
        <v>362</v>
      </c>
    </row>
    <row r="826" spans="1:6" ht="36" x14ac:dyDescent="0.25">
      <c r="A826" s="15" t="s">
        <v>481</v>
      </c>
      <c r="B826" s="20" t="s">
        <v>1748</v>
      </c>
      <c r="C826" s="16" t="s">
        <v>431</v>
      </c>
      <c r="D826" s="16" t="s">
        <v>491</v>
      </c>
      <c r="E826" s="16"/>
      <c r="F826" s="16" t="s">
        <v>362</v>
      </c>
    </row>
    <row r="827" spans="1:6" ht="36" x14ac:dyDescent="0.25">
      <c r="A827" s="15" t="s">
        <v>481</v>
      </c>
      <c r="B827" s="20" t="s">
        <v>1748</v>
      </c>
      <c r="C827" s="16" t="s">
        <v>443</v>
      </c>
      <c r="D827" s="16" t="s">
        <v>490</v>
      </c>
      <c r="E827" s="16"/>
      <c r="F827" s="16" t="s">
        <v>362</v>
      </c>
    </row>
    <row r="828" spans="1:6" ht="36" x14ac:dyDescent="0.25">
      <c r="A828" s="15" t="s">
        <v>481</v>
      </c>
      <c r="B828" s="20" t="s">
        <v>1748</v>
      </c>
      <c r="C828" s="16" t="s">
        <v>489</v>
      </c>
      <c r="D828" s="16" t="s">
        <v>488</v>
      </c>
      <c r="E828" s="16"/>
      <c r="F828" s="16" t="s">
        <v>362</v>
      </c>
    </row>
    <row r="829" spans="1:6" ht="36" x14ac:dyDescent="0.25">
      <c r="A829" s="15" t="s">
        <v>481</v>
      </c>
      <c r="B829" s="20" t="s">
        <v>1748</v>
      </c>
      <c r="C829" s="16" t="s">
        <v>487</v>
      </c>
      <c r="D829" s="16" t="s">
        <v>486</v>
      </c>
      <c r="E829" s="16"/>
      <c r="F829" s="16" t="s">
        <v>362</v>
      </c>
    </row>
    <row r="830" spans="1:6" ht="36" x14ac:dyDescent="0.25">
      <c r="A830" s="15" t="s">
        <v>481</v>
      </c>
      <c r="B830" s="20" t="s">
        <v>1748</v>
      </c>
      <c r="C830" s="16" t="s">
        <v>485</v>
      </c>
      <c r="D830" s="16" t="s">
        <v>484</v>
      </c>
      <c r="E830" s="16"/>
      <c r="F830" s="16" t="s">
        <v>362</v>
      </c>
    </row>
    <row r="831" spans="1:6" ht="36" x14ac:dyDescent="0.25">
      <c r="A831" s="15" t="s">
        <v>481</v>
      </c>
      <c r="B831" s="20" t="s">
        <v>1748</v>
      </c>
      <c r="C831" s="16" t="s">
        <v>426</v>
      </c>
      <c r="D831" s="16" t="s">
        <v>483</v>
      </c>
      <c r="E831" s="16"/>
      <c r="F831" s="16" t="s">
        <v>362</v>
      </c>
    </row>
    <row r="832" spans="1:6" ht="36" x14ac:dyDescent="0.25">
      <c r="A832" s="15" t="s">
        <v>481</v>
      </c>
      <c r="B832" s="20" t="s">
        <v>1748</v>
      </c>
      <c r="C832" s="16" t="s">
        <v>440</v>
      </c>
      <c r="D832" s="16" t="s">
        <v>482</v>
      </c>
      <c r="E832" s="16"/>
      <c r="F832" s="16" t="s">
        <v>362</v>
      </c>
    </row>
    <row r="833" spans="1:6" ht="36.75" thickBot="1" x14ac:dyDescent="0.3">
      <c r="A833" s="22" t="s">
        <v>481</v>
      </c>
      <c r="B833" s="23" t="s">
        <v>1748</v>
      </c>
      <c r="C833" s="24" t="s">
        <v>446</v>
      </c>
      <c r="D833" s="24" t="s">
        <v>479</v>
      </c>
      <c r="E833" s="24"/>
      <c r="F833" s="16" t="s">
        <v>362</v>
      </c>
    </row>
    <row r="834" spans="1:6" ht="36.75" thickTop="1" x14ac:dyDescent="0.25">
      <c r="A834" s="25" t="s">
        <v>478</v>
      </c>
      <c r="B834" s="26" t="s">
        <v>477</v>
      </c>
      <c r="C834" s="27" t="s">
        <v>474</v>
      </c>
      <c r="D834" s="27" t="s">
        <v>473</v>
      </c>
      <c r="E834" s="27"/>
      <c r="F834" s="16" t="s">
        <v>362</v>
      </c>
    </row>
    <row r="835" spans="1:6" ht="36" x14ac:dyDescent="0.25">
      <c r="A835" s="15" t="s">
        <v>478</v>
      </c>
      <c r="B835" s="20" t="s">
        <v>1748</v>
      </c>
      <c r="C835" s="16" t="s">
        <v>472</v>
      </c>
      <c r="D835" s="16" t="s">
        <v>471</v>
      </c>
      <c r="E835" s="16"/>
      <c r="F835" s="16" t="s">
        <v>362</v>
      </c>
    </row>
    <row r="836" spans="1:6" ht="36" x14ac:dyDescent="0.25">
      <c r="A836" s="15" t="s">
        <v>478</v>
      </c>
      <c r="B836" s="20" t="s">
        <v>1748</v>
      </c>
      <c r="C836" s="16" t="s">
        <v>386</v>
      </c>
      <c r="D836" s="16" t="s">
        <v>470</v>
      </c>
      <c r="E836" s="16"/>
      <c r="F836" s="16" t="s">
        <v>362</v>
      </c>
    </row>
    <row r="837" spans="1:6" ht="36" x14ac:dyDescent="0.25">
      <c r="A837" s="15" t="s">
        <v>478</v>
      </c>
      <c r="B837" s="20" t="s">
        <v>1748</v>
      </c>
      <c r="C837" s="16" t="s">
        <v>146</v>
      </c>
      <c r="D837" s="16" t="s">
        <v>469</v>
      </c>
      <c r="E837" s="16"/>
      <c r="F837" s="16" t="s">
        <v>362</v>
      </c>
    </row>
    <row r="838" spans="1:6" ht="36" x14ac:dyDescent="0.25">
      <c r="A838" s="15" t="s">
        <v>478</v>
      </c>
      <c r="B838" s="20" t="s">
        <v>1748</v>
      </c>
      <c r="C838" s="16" t="s">
        <v>468</v>
      </c>
      <c r="D838" s="16" t="s">
        <v>467</v>
      </c>
      <c r="E838" s="16"/>
      <c r="F838" s="16" t="s">
        <v>362</v>
      </c>
    </row>
    <row r="839" spans="1:6" ht="36" x14ac:dyDescent="0.25">
      <c r="A839" s="15" t="s">
        <v>478</v>
      </c>
      <c r="B839" s="20" t="s">
        <v>1748</v>
      </c>
      <c r="C839" s="16" t="s">
        <v>152</v>
      </c>
      <c r="D839" s="16" t="s">
        <v>466</v>
      </c>
      <c r="E839" s="16"/>
      <c r="F839" s="16" t="s">
        <v>362</v>
      </c>
    </row>
    <row r="840" spans="1:6" ht="36" x14ac:dyDescent="0.25">
      <c r="A840" s="15" t="s">
        <v>478</v>
      </c>
      <c r="B840" s="20" t="s">
        <v>1748</v>
      </c>
      <c r="C840" s="16" t="s">
        <v>215</v>
      </c>
      <c r="D840" s="16" t="s">
        <v>465</v>
      </c>
      <c r="E840" s="16"/>
      <c r="F840" s="16" t="s">
        <v>362</v>
      </c>
    </row>
    <row r="841" spans="1:6" ht="36" x14ac:dyDescent="0.25">
      <c r="A841" s="15" t="s">
        <v>478</v>
      </c>
      <c r="B841" s="20" t="s">
        <v>1748</v>
      </c>
      <c r="C841" s="16" t="s">
        <v>464</v>
      </c>
      <c r="D841" s="16" t="s">
        <v>463</v>
      </c>
      <c r="E841" s="16"/>
      <c r="F841" s="16" t="s">
        <v>362</v>
      </c>
    </row>
    <row r="842" spans="1:6" ht="36" x14ac:dyDescent="0.25">
      <c r="A842" s="15" t="s">
        <v>478</v>
      </c>
      <c r="B842" s="20" t="s">
        <v>1748</v>
      </c>
      <c r="C842" s="16" t="s">
        <v>462</v>
      </c>
      <c r="D842" s="16" t="s">
        <v>461</v>
      </c>
      <c r="E842" s="16"/>
      <c r="F842" s="16" t="s">
        <v>362</v>
      </c>
    </row>
    <row r="843" spans="1:6" ht="36" x14ac:dyDescent="0.25">
      <c r="A843" s="15" t="s">
        <v>478</v>
      </c>
      <c r="B843" s="20" t="s">
        <v>1748</v>
      </c>
      <c r="C843" s="16" t="s">
        <v>382</v>
      </c>
      <c r="D843" s="16" t="s">
        <v>460</v>
      </c>
      <c r="E843" s="16"/>
      <c r="F843" s="16" t="s">
        <v>362</v>
      </c>
    </row>
    <row r="844" spans="1:6" ht="36" x14ac:dyDescent="0.25">
      <c r="A844" s="15" t="s">
        <v>478</v>
      </c>
      <c r="B844" s="20" t="s">
        <v>1748</v>
      </c>
      <c r="C844" s="16" t="s">
        <v>380</v>
      </c>
      <c r="D844" s="16" t="s">
        <v>459</v>
      </c>
      <c r="E844" s="16"/>
      <c r="F844" s="16" t="s">
        <v>362</v>
      </c>
    </row>
    <row r="845" spans="1:6" ht="36" x14ac:dyDescent="0.25">
      <c r="A845" s="15" t="s">
        <v>478</v>
      </c>
      <c r="B845" s="20" t="s">
        <v>1748</v>
      </c>
      <c r="C845" s="16" t="s">
        <v>149</v>
      </c>
      <c r="D845" s="16" t="s">
        <v>458</v>
      </c>
      <c r="E845" s="16"/>
      <c r="F845" s="16" t="s">
        <v>362</v>
      </c>
    </row>
    <row r="846" spans="1:6" ht="36" x14ac:dyDescent="0.25">
      <c r="A846" s="15" t="s">
        <v>478</v>
      </c>
      <c r="B846" s="20" t="s">
        <v>1748</v>
      </c>
      <c r="C846" s="16" t="s">
        <v>154</v>
      </c>
      <c r="D846" s="16" t="s">
        <v>457</v>
      </c>
      <c r="E846" s="16"/>
      <c r="F846" s="16" t="s">
        <v>362</v>
      </c>
    </row>
    <row r="847" spans="1:6" ht="36" x14ac:dyDescent="0.25">
      <c r="A847" s="15" t="s">
        <v>478</v>
      </c>
      <c r="B847" s="20" t="s">
        <v>1748</v>
      </c>
      <c r="C847" s="16" t="s">
        <v>384</v>
      </c>
      <c r="D847" s="16" t="s">
        <v>456</v>
      </c>
      <c r="E847" s="16"/>
      <c r="F847" s="16" t="s">
        <v>362</v>
      </c>
    </row>
    <row r="848" spans="1:6" ht="36" x14ac:dyDescent="0.25">
      <c r="A848" s="15" t="s">
        <v>478</v>
      </c>
      <c r="B848" s="20" t="s">
        <v>1748</v>
      </c>
      <c r="C848" s="16" t="s">
        <v>423</v>
      </c>
      <c r="D848" s="16" t="s">
        <v>455</v>
      </c>
      <c r="E848" s="16"/>
      <c r="F848" s="16" t="s">
        <v>362</v>
      </c>
    </row>
    <row r="849" spans="1:6" ht="36" x14ac:dyDescent="0.25">
      <c r="A849" s="15" t="s">
        <v>478</v>
      </c>
      <c r="B849" s="20" t="s">
        <v>1748</v>
      </c>
      <c r="C849" s="16" t="s">
        <v>137</v>
      </c>
      <c r="D849" s="16" t="s">
        <v>454</v>
      </c>
      <c r="E849" s="16"/>
      <c r="F849" s="16" t="s">
        <v>362</v>
      </c>
    </row>
    <row r="850" spans="1:6" ht="36" x14ac:dyDescent="0.25">
      <c r="A850" s="15" t="s">
        <v>478</v>
      </c>
      <c r="B850" s="20" t="s">
        <v>1748</v>
      </c>
      <c r="C850" s="16" t="s">
        <v>204</v>
      </c>
      <c r="D850" s="16" t="s">
        <v>453</v>
      </c>
      <c r="E850" s="16"/>
      <c r="F850" s="16" t="s">
        <v>362</v>
      </c>
    </row>
    <row r="851" spans="1:6" ht="36" x14ac:dyDescent="0.25">
      <c r="A851" s="15" t="s">
        <v>478</v>
      </c>
      <c r="B851" s="20" t="s">
        <v>1748</v>
      </c>
      <c r="C851" s="16" t="s">
        <v>452</v>
      </c>
      <c r="D851" s="16" t="s">
        <v>451</v>
      </c>
      <c r="E851" s="16"/>
      <c r="F851" s="16" t="s">
        <v>362</v>
      </c>
    </row>
    <row r="852" spans="1:6" ht="36" x14ac:dyDescent="0.25">
      <c r="A852" s="15" t="s">
        <v>478</v>
      </c>
      <c r="B852" s="20" t="s">
        <v>1748</v>
      </c>
      <c r="C852" s="16" t="s">
        <v>197</v>
      </c>
      <c r="D852" s="16" t="s">
        <v>450</v>
      </c>
      <c r="E852" s="16"/>
      <c r="F852" s="16" t="s">
        <v>362</v>
      </c>
    </row>
    <row r="853" spans="1:6" ht="36" x14ac:dyDescent="0.25">
      <c r="A853" s="15" t="s">
        <v>478</v>
      </c>
      <c r="B853" s="20" t="s">
        <v>1748</v>
      </c>
      <c r="C853" s="16" t="s">
        <v>376</v>
      </c>
      <c r="D853" s="16" t="s">
        <v>372</v>
      </c>
      <c r="E853" s="16"/>
      <c r="F853" s="16" t="s">
        <v>362</v>
      </c>
    </row>
    <row r="854" spans="1:6" ht="36.75" thickBot="1" x14ac:dyDescent="0.3">
      <c r="A854" s="22" t="s">
        <v>478</v>
      </c>
      <c r="B854" s="23" t="s">
        <v>1748</v>
      </c>
      <c r="C854" s="24" t="s">
        <v>373</v>
      </c>
      <c r="D854" s="24" t="s">
        <v>447</v>
      </c>
      <c r="E854" s="24"/>
      <c r="F854" s="16" t="s">
        <v>362</v>
      </c>
    </row>
    <row r="855" spans="1:6" ht="36.75" thickTop="1" x14ac:dyDescent="0.25">
      <c r="A855" s="25" t="s">
        <v>476</v>
      </c>
      <c r="B855" s="26" t="s">
        <v>475</v>
      </c>
      <c r="C855" s="27" t="s">
        <v>474</v>
      </c>
      <c r="D855" s="27" t="s">
        <v>473</v>
      </c>
      <c r="E855" s="27"/>
      <c r="F855" s="16" t="s">
        <v>362</v>
      </c>
    </row>
    <row r="856" spans="1:6" ht="36" x14ac:dyDescent="0.25">
      <c r="A856" s="15" t="s">
        <v>476</v>
      </c>
      <c r="B856" s="20" t="s">
        <v>1748</v>
      </c>
      <c r="C856" s="16" t="s">
        <v>472</v>
      </c>
      <c r="D856" s="16" t="s">
        <v>471</v>
      </c>
      <c r="E856" s="16"/>
      <c r="F856" s="16" t="s">
        <v>362</v>
      </c>
    </row>
    <row r="857" spans="1:6" ht="36" x14ac:dyDescent="0.25">
      <c r="A857" s="15" t="s">
        <v>476</v>
      </c>
      <c r="B857" s="20" t="s">
        <v>1748</v>
      </c>
      <c r="C857" s="16" t="s">
        <v>386</v>
      </c>
      <c r="D857" s="16" t="s">
        <v>470</v>
      </c>
      <c r="E857" s="16"/>
      <c r="F857" s="16" t="s">
        <v>362</v>
      </c>
    </row>
    <row r="858" spans="1:6" ht="36" x14ac:dyDescent="0.25">
      <c r="A858" s="15" t="s">
        <v>476</v>
      </c>
      <c r="B858" s="20" t="s">
        <v>1748</v>
      </c>
      <c r="C858" s="16" t="s">
        <v>146</v>
      </c>
      <c r="D858" s="16" t="s">
        <v>469</v>
      </c>
      <c r="E858" s="16"/>
      <c r="F858" s="16" t="s">
        <v>362</v>
      </c>
    </row>
    <row r="859" spans="1:6" ht="36" x14ac:dyDescent="0.25">
      <c r="A859" s="15" t="s">
        <v>476</v>
      </c>
      <c r="B859" s="20" t="s">
        <v>1748</v>
      </c>
      <c r="C859" s="16" t="s">
        <v>468</v>
      </c>
      <c r="D859" s="16" t="s">
        <v>467</v>
      </c>
      <c r="E859" s="16"/>
      <c r="F859" s="16" t="s">
        <v>362</v>
      </c>
    </row>
    <row r="860" spans="1:6" ht="36" x14ac:dyDescent="0.25">
      <c r="A860" s="15" t="s">
        <v>476</v>
      </c>
      <c r="B860" s="20" t="s">
        <v>1748</v>
      </c>
      <c r="C860" s="16" t="s">
        <v>152</v>
      </c>
      <c r="D860" s="16" t="s">
        <v>466</v>
      </c>
      <c r="E860" s="16"/>
      <c r="F860" s="16" t="s">
        <v>362</v>
      </c>
    </row>
    <row r="861" spans="1:6" ht="36" x14ac:dyDescent="0.25">
      <c r="A861" s="15" t="s">
        <v>476</v>
      </c>
      <c r="B861" s="20" t="s">
        <v>1748</v>
      </c>
      <c r="C861" s="16" t="s">
        <v>215</v>
      </c>
      <c r="D861" s="16" t="s">
        <v>465</v>
      </c>
      <c r="E861" s="16"/>
      <c r="F861" s="16" t="s">
        <v>362</v>
      </c>
    </row>
    <row r="862" spans="1:6" ht="36" x14ac:dyDescent="0.25">
      <c r="A862" s="15" t="s">
        <v>476</v>
      </c>
      <c r="B862" s="20" t="s">
        <v>1748</v>
      </c>
      <c r="C862" s="16" t="s">
        <v>464</v>
      </c>
      <c r="D862" s="16" t="s">
        <v>463</v>
      </c>
      <c r="E862" s="16"/>
      <c r="F862" s="16" t="s">
        <v>362</v>
      </c>
    </row>
    <row r="863" spans="1:6" ht="36" x14ac:dyDescent="0.25">
      <c r="A863" s="15" t="s">
        <v>476</v>
      </c>
      <c r="B863" s="20" t="s">
        <v>1748</v>
      </c>
      <c r="C863" s="16" t="s">
        <v>462</v>
      </c>
      <c r="D863" s="16" t="s">
        <v>461</v>
      </c>
      <c r="E863" s="16"/>
      <c r="F863" s="16" t="s">
        <v>362</v>
      </c>
    </row>
    <row r="864" spans="1:6" ht="36" x14ac:dyDescent="0.25">
      <c r="A864" s="15" t="s">
        <v>476</v>
      </c>
      <c r="B864" s="20" t="s">
        <v>1748</v>
      </c>
      <c r="C864" s="16" t="s">
        <v>382</v>
      </c>
      <c r="D864" s="16" t="s">
        <v>460</v>
      </c>
      <c r="E864" s="16"/>
      <c r="F864" s="16" t="s">
        <v>362</v>
      </c>
    </row>
    <row r="865" spans="1:6" ht="36" x14ac:dyDescent="0.25">
      <c r="A865" s="15" t="s">
        <v>476</v>
      </c>
      <c r="B865" s="20" t="s">
        <v>1748</v>
      </c>
      <c r="C865" s="16" t="s">
        <v>380</v>
      </c>
      <c r="D865" s="16" t="s">
        <v>459</v>
      </c>
      <c r="E865" s="16"/>
      <c r="F865" s="16" t="s">
        <v>362</v>
      </c>
    </row>
    <row r="866" spans="1:6" ht="36" x14ac:dyDescent="0.25">
      <c r="A866" s="15" t="s">
        <v>476</v>
      </c>
      <c r="B866" s="20" t="s">
        <v>1748</v>
      </c>
      <c r="C866" s="16" t="s">
        <v>149</v>
      </c>
      <c r="D866" s="16" t="s">
        <v>458</v>
      </c>
      <c r="E866" s="16"/>
      <c r="F866" s="16" t="s">
        <v>362</v>
      </c>
    </row>
    <row r="867" spans="1:6" ht="36" x14ac:dyDescent="0.25">
      <c r="A867" s="15" t="s">
        <v>476</v>
      </c>
      <c r="B867" s="20" t="s">
        <v>1748</v>
      </c>
      <c r="C867" s="16" t="s">
        <v>154</v>
      </c>
      <c r="D867" s="16" t="s">
        <v>457</v>
      </c>
      <c r="E867" s="16"/>
      <c r="F867" s="16" t="s">
        <v>362</v>
      </c>
    </row>
    <row r="868" spans="1:6" ht="36" x14ac:dyDescent="0.25">
      <c r="A868" s="15" t="s">
        <v>476</v>
      </c>
      <c r="B868" s="20" t="s">
        <v>1748</v>
      </c>
      <c r="C868" s="16" t="s">
        <v>384</v>
      </c>
      <c r="D868" s="16" t="s">
        <v>456</v>
      </c>
      <c r="E868" s="16"/>
      <c r="F868" s="16" t="s">
        <v>362</v>
      </c>
    </row>
    <row r="869" spans="1:6" ht="36" x14ac:dyDescent="0.25">
      <c r="A869" s="15" t="s">
        <v>476</v>
      </c>
      <c r="B869" s="20" t="s">
        <v>1748</v>
      </c>
      <c r="C869" s="16" t="s">
        <v>423</v>
      </c>
      <c r="D869" s="16" t="s">
        <v>455</v>
      </c>
      <c r="E869" s="16"/>
      <c r="F869" s="16" t="s">
        <v>362</v>
      </c>
    </row>
    <row r="870" spans="1:6" ht="36" x14ac:dyDescent="0.25">
      <c r="A870" s="15" t="s">
        <v>476</v>
      </c>
      <c r="B870" s="20" t="s">
        <v>1748</v>
      </c>
      <c r="C870" s="16" t="s">
        <v>137</v>
      </c>
      <c r="D870" s="16" t="s">
        <v>454</v>
      </c>
      <c r="E870" s="16"/>
      <c r="F870" s="16" t="s">
        <v>362</v>
      </c>
    </row>
    <row r="871" spans="1:6" ht="36" x14ac:dyDescent="0.25">
      <c r="A871" s="15" t="s">
        <v>476</v>
      </c>
      <c r="B871" s="20" t="s">
        <v>1748</v>
      </c>
      <c r="C871" s="16" t="s">
        <v>204</v>
      </c>
      <c r="D871" s="16" t="s">
        <v>453</v>
      </c>
      <c r="E871" s="16"/>
      <c r="F871" s="16" t="s">
        <v>362</v>
      </c>
    </row>
    <row r="872" spans="1:6" ht="36" x14ac:dyDescent="0.25">
      <c r="A872" s="15" t="s">
        <v>476</v>
      </c>
      <c r="B872" s="20" t="s">
        <v>1748</v>
      </c>
      <c r="C872" s="16" t="s">
        <v>452</v>
      </c>
      <c r="D872" s="16" t="s">
        <v>451</v>
      </c>
      <c r="E872" s="16"/>
      <c r="F872" s="16" t="s">
        <v>362</v>
      </c>
    </row>
    <row r="873" spans="1:6" ht="36" x14ac:dyDescent="0.25">
      <c r="A873" s="15" t="s">
        <v>476</v>
      </c>
      <c r="B873" s="20" t="s">
        <v>1748</v>
      </c>
      <c r="C873" s="16" t="s">
        <v>197</v>
      </c>
      <c r="D873" s="16" t="s">
        <v>450</v>
      </c>
      <c r="E873" s="16"/>
      <c r="F873" s="16" t="s">
        <v>362</v>
      </c>
    </row>
    <row r="874" spans="1:6" ht="36" x14ac:dyDescent="0.25">
      <c r="A874" s="15" t="s">
        <v>476</v>
      </c>
      <c r="B874" s="20" t="s">
        <v>1748</v>
      </c>
      <c r="C874" s="16" t="s">
        <v>376</v>
      </c>
      <c r="D874" s="16" t="s">
        <v>372</v>
      </c>
      <c r="E874" s="16"/>
      <c r="F874" s="16" t="s">
        <v>362</v>
      </c>
    </row>
    <row r="875" spans="1:6" ht="36.75" thickBot="1" x14ac:dyDescent="0.3">
      <c r="A875" s="22" t="s">
        <v>476</v>
      </c>
      <c r="B875" s="23" t="s">
        <v>1748</v>
      </c>
      <c r="C875" s="24" t="s">
        <v>373</v>
      </c>
      <c r="D875" s="24" t="s">
        <v>447</v>
      </c>
      <c r="E875" s="24"/>
      <c r="F875" s="16" t="s">
        <v>362</v>
      </c>
    </row>
    <row r="876" spans="1:6" ht="36.75" thickTop="1" x14ac:dyDescent="0.25">
      <c r="A876" s="25" t="s">
        <v>449</v>
      </c>
      <c r="B876" s="26" t="s">
        <v>448</v>
      </c>
      <c r="C876" s="27" t="s">
        <v>474</v>
      </c>
      <c r="D876" s="27" t="s">
        <v>473</v>
      </c>
      <c r="E876" s="27"/>
      <c r="F876" s="16" t="s">
        <v>362</v>
      </c>
    </row>
    <row r="877" spans="1:6" ht="36" x14ac:dyDescent="0.25">
      <c r="A877" s="15" t="s">
        <v>449</v>
      </c>
      <c r="B877" s="20" t="s">
        <v>1748</v>
      </c>
      <c r="C877" s="16" t="s">
        <v>472</v>
      </c>
      <c r="D877" s="16" t="s">
        <v>471</v>
      </c>
      <c r="E877" s="16"/>
      <c r="F877" s="16" t="s">
        <v>362</v>
      </c>
    </row>
    <row r="878" spans="1:6" ht="36" x14ac:dyDescent="0.25">
      <c r="A878" s="15" t="s">
        <v>449</v>
      </c>
      <c r="B878" s="20" t="s">
        <v>1748</v>
      </c>
      <c r="C878" s="16" t="s">
        <v>386</v>
      </c>
      <c r="D878" s="16" t="s">
        <v>470</v>
      </c>
      <c r="E878" s="16"/>
      <c r="F878" s="16" t="s">
        <v>362</v>
      </c>
    </row>
    <row r="879" spans="1:6" ht="36" x14ac:dyDescent="0.25">
      <c r="A879" s="15" t="s">
        <v>449</v>
      </c>
      <c r="B879" s="20" t="s">
        <v>1748</v>
      </c>
      <c r="C879" s="16" t="s">
        <v>146</v>
      </c>
      <c r="D879" s="16" t="s">
        <v>469</v>
      </c>
      <c r="E879" s="16"/>
      <c r="F879" s="16" t="s">
        <v>362</v>
      </c>
    </row>
    <row r="880" spans="1:6" ht="36" x14ac:dyDescent="0.25">
      <c r="A880" s="15" t="s">
        <v>449</v>
      </c>
      <c r="B880" s="20" t="s">
        <v>1748</v>
      </c>
      <c r="C880" s="16" t="s">
        <v>468</v>
      </c>
      <c r="D880" s="16" t="s">
        <v>467</v>
      </c>
      <c r="E880" s="16"/>
      <c r="F880" s="16" t="s">
        <v>362</v>
      </c>
    </row>
    <row r="881" spans="1:6" ht="36" x14ac:dyDescent="0.25">
      <c r="A881" s="15" t="s">
        <v>449</v>
      </c>
      <c r="B881" s="20" t="s">
        <v>1748</v>
      </c>
      <c r="C881" s="16" t="s">
        <v>152</v>
      </c>
      <c r="D881" s="16" t="s">
        <v>466</v>
      </c>
      <c r="E881" s="16"/>
      <c r="F881" s="16" t="s">
        <v>362</v>
      </c>
    </row>
    <row r="882" spans="1:6" ht="36" x14ac:dyDescent="0.25">
      <c r="A882" s="15" t="s">
        <v>449</v>
      </c>
      <c r="B882" s="20" t="s">
        <v>1748</v>
      </c>
      <c r="C882" s="16" t="s">
        <v>215</v>
      </c>
      <c r="D882" s="16" t="s">
        <v>465</v>
      </c>
      <c r="E882" s="16"/>
      <c r="F882" s="16" t="s">
        <v>362</v>
      </c>
    </row>
    <row r="883" spans="1:6" ht="36" x14ac:dyDescent="0.25">
      <c r="A883" s="15" t="s">
        <v>449</v>
      </c>
      <c r="B883" s="20" t="s">
        <v>1748</v>
      </c>
      <c r="C883" s="16" t="s">
        <v>464</v>
      </c>
      <c r="D883" s="16" t="s">
        <v>463</v>
      </c>
      <c r="E883" s="16"/>
      <c r="F883" s="16" t="s">
        <v>362</v>
      </c>
    </row>
    <row r="884" spans="1:6" ht="36" x14ac:dyDescent="0.25">
      <c r="A884" s="15" t="s">
        <v>449</v>
      </c>
      <c r="B884" s="20" t="s">
        <v>1748</v>
      </c>
      <c r="C884" s="16" t="s">
        <v>462</v>
      </c>
      <c r="D884" s="16" t="s">
        <v>461</v>
      </c>
      <c r="E884" s="16"/>
      <c r="F884" s="16" t="s">
        <v>362</v>
      </c>
    </row>
    <row r="885" spans="1:6" ht="36" x14ac:dyDescent="0.25">
      <c r="A885" s="15" t="s">
        <v>449</v>
      </c>
      <c r="B885" s="20" t="s">
        <v>1748</v>
      </c>
      <c r="C885" s="16" t="s">
        <v>382</v>
      </c>
      <c r="D885" s="16" t="s">
        <v>460</v>
      </c>
      <c r="E885" s="16"/>
      <c r="F885" s="16" t="s">
        <v>362</v>
      </c>
    </row>
    <row r="886" spans="1:6" ht="36" x14ac:dyDescent="0.25">
      <c r="A886" s="15" t="s">
        <v>449</v>
      </c>
      <c r="B886" s="20" t="s">
        <v>1748</v>
      </c>
      <c r="C886" s="16" t="s">
        <v>380</v>
      </c>
      <c r="D886" s="16" t="s">
        <v>459</v>
      </c>
      <c r="E886" s="16"/>
      <c r="F886" s="16" t="s">
        <v>362</v>
      </c>
    </row>
    <row r="887" spans="1:6" ht="36" x14ac:dyDescent="0.25">
      <c r="A887" s="15" t="s">
        <v>449</v>
      </c>
      <c r="B887" s="20" t="s">
        <v>1748</v>
      </c>
      <c r="C887" s="16" t="s">
        <v>149</v>
      </c>
      <c r="D887" s="16" t="s">
        <v>458</v>
      </c>
      <c r="E887" s="16"/>
      <c r="F887" s="16" t="s">
        <v>362</v>
      </c>
    </row>
    <row r="888" spans="1:6" ht="36" x14ac:dyDescent="0.25">
      <c r="A888" s="15" t="s">
        <v>449</v>
      </c>
      <c r="B888" s="20" t="s">
        <v>1748</v>
      </c>
      <c r="C888" s="16" t="s">
        <v>154</v>
      </c>
      <c r="D888" s="16" t="s">
        <v>457</v>
      </c>
      <c r="E888" s="16"/>
      <c r="F888" s="16" t="s">
        <v>362</v>
      </c>
    </row>
    <row r="889" spans="1:6" ht="36" x14ac:dyDescent="0.25">
      <c r="A889" s="15" t="s">
        <v>449</v>
      </c>
      <c r="B889" s="20" t="s">
        <v>1748</v>
      </c>
      <c r="C889" s="16" t="s">
        <v>384</v>
      </c>
      <c r="D889" s="16" t="s">
        <v>456</v>
      </c>
      <c r="E889" s="16"/>
      <c r="F889" s="16" t="s">
        <v>362</v>
      </c>
    </row>
    <row r="890" spans="1:6" ht="36" x14ac:dyDescent="0.25">
      <c r="A890" s="15" t="s">
        <v>449</v>
      </c>
      <c r="B890" s="20" t="s">
        <v>1748</v>
      </c>
      <c r="C890" s="16" t="s">
        <v>423</v>
      </c>
      <c r="D890" s="16" t="s">
        <v>455</v>
      </c>
      <c r="E890" s="16"/>
      <c r="F890" s="16" t="s">
        <v>362</v>
      </c>
    </row>
    <row r="891" spans="1:6" ht="36" x14ac:dyDescent="0.25">
      <c r="A891" s="15" t="s">
        <v>449</v>
      </c>
      <c r="B891" s="20" t="s">
        <v>1748</v>
      </c>
      <c r="C891" s="16" t="s">
        <v>137</v>
      </c>
      <c r="D891" s="16" t="s">
        <v>454</v>
      </c>
      <c r="E891" s="16"/>
      <c r="F891" s="16" t="s">
        <v>362</v>
      </c>
    </row>
    <row r="892" spans="1:6" ht="36" x14ac:dyDescent="0.25">
      <c r="A892" s="15" t="s">
        <v>449</v>
      </c>
      <c r="B892" s="20" t="s">
        <v>1748</v>
      </c>
      <c r="C892" s="16" t="s">
        <v>204</v>
      </c>
      <c r="D892" s="16" t="s">
        <v>453</v>
      </c>
      <c r="E892" s="16"/>
      <c r="F892" s="16" t="s">
        <v>362</v>
      </c>
    </row>
    <row r="893" spans="1:6" ht="36" x14ac:dyDescent="0.25">
      <c r="A893" s="15" t="s">
        <v>449</v>
      </c>
      <c r="B893" s="20" t="s">
        <v>1748</v>
      </c>
      <c r="C893" s="16" t="s">
        <v>452</v>
      </c>
      <c r="D893" s="16" t="s">
        <v>451</v>
      </c>
      <c r="E893" s="16"/>
      <c r="F893" s="16" t="s">
        <v>362</v>
      </c>
    </row>
    <row r="894" spans="1:6" ht="36" x14ac:dyDescent="0.25">
      <c r="A894" s="15" t="s">
        <v>449</v>
      </c>
      <c r="B894" s="20" t="s">
        <v>1748</v>
      </c>
      <c r="C894" s="16" t="s">
        <v>197</v>
      </c>
      <c r="D894" s="16" t="s">
        <v>450</v>
      </c>
      <c r="E894" s="16"/>
      <c r="F894" s="16" t="s">
        <v>362</v>
      </c>
    </row>
    <row r="895" spans="1:6" ht="36" x14ac:dyDescent="0.25">
      <c r="A895" s="15" t="s">
        <v>449</v>
      </c>
      <c r="B895" s="20" t="s">
        <v>1748</v>
      </c>
      <c r="C895" s="16" t="s">
        <v>376</v>
      </c>
      <c r="D895" s="16" t="s">
        <v>372</v>
      </c>
      <c r="E895" s="16"/>
      <c r="F895" s="16" t="s">
        <v>362</v>
      </c>
    </row>
    <row r="896" spans="1:6" ht="36.75" thickBot="1" x14ac:dyDescent="0.3">
      <c r="A896" s="22" t="s">
        <v>449</v>
      </c>
      <c r="B896" s="23" t="s">
        <v>1748</v>
      </c>
      <c r="C896" s="24" t="s">
        <v>373</v>
      </c>
      <c r="D896" s="24" t="s">
        <v>447</v>
      </c>
      <c r="E896" s="24"/>
      <c r="F896" s="16" t="s">
        <v>362</v>
      </c>
    </row>
    <row r="897" spans="1:6" ht="72.75" thickTop="1" x14ac:dyDescent="0.25">
      <c r="A897" s="25" t="s">
        <v>428</v>
      </c>
      <c r="B897" s="26" t="s">
        <v>427</v>
      </c>
      <c r="C897" s="27" t="s">
        <v>446</v>
      </c>
      <c r="D897" s="27" t="s">
        <v>445</v>
      </c>
      <c r="E897" s="27" t="s">
        <v>444</v>
      </c>
      <c r="F897" s="16" t="s">
        <v>362</v>
      </c>
    </row>
    <row r="898" spans="1:6" ht="84" x14ac:dyDescent="0.25">
      <c r="A898" s="15" t="s">
        <v>428</v>
      </c>
      <c r="B898" s="20" t="s">
        <v>1748</v>
      </c>
      <c r="C898" s="16" t="s">
        <v>443</v>
      </c>
      <c r="D898" s="16" t="s">
        <v>442</v>
      </c>
      <c r="E898" s="16" t="s">
        <v>441</v>
      </c>
      <c r="F898" s="16" t="s">
        <v>362</v>
      </c>
    </row>
    <row r="899" spans="1:6" ht="96" x14ac:dyDescent="0.25">
      <c r="A899" s="15" t="s">
        <v>428</v>
      </c>
      <c r="B899" s="20" t="s">
        <v>1748</v>
      </c>
      <c r="C899" s="16" t="s">
        <v>440</v>
      </c>
      <c r="D899" s="16" t="s">
        <v>439</v>
      </c>
      <c r="E899" s="16" t="s">
        <v>438</v>
      </c>
      <c r="F899" s="16" t="s">
        <v>362</v>
      </c>
    </row>
    <row r="900" spans="1:6" ht="84" x14ac:dyDescent="0.25">
      <c r="A900" s="15" t="s">
        <v>428</v>
      </c>
      <c r="B900" s="20" t="s">
        <v>1748</v>
      </c>
      <c r="C900" s="16" t="s">
        <v>437</v>
      </c>
      <c r="D900" s="16" t="s">
        <v>436</v>
      </c>
      <c r="E900" s="16" t="s">
        <v>435</v>
      </c>
      <c r="F900" s="16" t="s">
        <v>362</v>
      </c>
    </row>
    <row r="901" spans="1:6" ht="108" x14ac:dyDescent="0.25">
      <c r="A901" s="15" t="s">
        <v>428</v>
      </c>
      <c r="B901" s="20" t="s">
        <v>1748</v>
      </c>
      <c r="C901" s="16" t="s">
        <v>434</v>
      </c>
      <c r="D901" s="16" t="s">
        <v>433</v>
      </c>
      <c r="E901" s="16" t="s">
        <v>432</v>
      </c>
      <c r="F901" s="16" t="s">
        <v>362</v>
      </c>
    </row>
    <row r="902" spans="1:6" ht="108" x14ac:dyDescent="0.25">
      <c r="A902" s="15" t="s">
        <v>428</v>
      </c>
      <c r="B902" s="20" t="s">
        <v>1748</v>
      </c>
      <c r="C902" s="16" t="s">
        <v>431</v>
      </c>
      <c r="D902" s="16" t="s">
        <v>430</v>
      </c>
      <c r="E902" s="16" t="s">
        <v>429</v>
      </c>
      <c r="F902" s="16" t="s">
        <v>362</v>
      </c>
    </row>
    <row r="903" spans="1:6" ht="108.75" thickBot="1" x14ac:dyDescent="0.3">
      <c r="A903" s="22" t="s">
        <v>428</v>
      </c>
      <c r="B903" s="23" t="s">
        <v>1748</v>
      </c>
      <c r="C903" s="24" t="s">
        <v>426</v>
      </c>
      <c r="D903" s="24" t="s">
        <v>425</v>
      </c>
      <c r="E903" s="24" t="s">
        <v>424</v>
      </c>
      <c r="F903" s="16" t="s">
        <v>362</v>
      </c>
    </row>
    <row r="904" spans="1:6" ht="12.75" thickTop="1" x14ac:dyDescent="0.25">
      <c r="A904" s="25" t="s">
        <v>394</v>
      </c>
      <c r="B904" s="26" t="s">
        <v>393</v>
      </c>
      <c r="C904" s="27" t="s">
        <v>423</v>
      </c>
      <c r="D904" s="27" t="s">
        <v>422</v>
      </c>
      <c r="E904" s="27"/>
      <c r="F904" s="16" t="s">
        <v>362</v>
      </c>
    </row>
    <row r="905" spans="1:6" x14ac:dyDescent="0.25">
      <c r="A905" s="15" t="s">
        <v>394</v>
      </c>
      <c r="B905" s="20" t="s">
        <v>1748</v>
      </c>
      <c r="C905" s="16" t="s">
        <v>140</v>
      </c>
      <c r="D905" s="16" t="s">
        <v>421</v>
      </c>
      <c r="E905" s="16"/>
      <c r="F905" s="16" t="s">
        <v>362</v>
      </c>
    </row>
    <row r="906" spans="1:6" x14ac:dyDescent="0.25">
      <c r="A906" s="15" t="s">
        <v>394</v>
      </c>
      <c r="B906" s="20" t="s">
        <v>1748</v>
      </c>
      <c r="C906" s="16" t="s">
        <v>219</v>
      </c>
      <c r="D906" s="16" t="s">
        <v>420</v>
      </c>
      <c r="E906" s="16"/>
      <c r="F906" s="16" t="s">
        <v>362</v>
      </c>
    </row>
    <row r="907" spans="1:6" x14ac:dyDescent="0.25">
      <c r="A907" s="15" t="s">
        <v>394</v>
      </c>
      <c r="B907" s="20" t="s">
        <v>1748</v>
      </c>
      <c r="C907" s="16" t="s">
        <v>273</v>
      </c>
      <c r="D907" s="16" t="s">
        <v>419</v>
      </c>
      <c r="E907" s="16"/>
      <c r="F907" s="16" t="s">
        <v>362</v>
      </c>
    </row>
    <row r="908" spans="1:6" x14ac:dyDescent="0.25">
      <c r="A908" s="15" t="s">
        <v>394</v>
      </c>
      <c r="B908" s="20" t="s">
        <v>1748</v>
      </c>
      <c r="C908" s="16" t="s">
        <v>143</v>
      </c>
      <c r="D908" s="16" t="s">
        <v>418</v>
      </c>
      <c r="E908" s="16"/>
      <c r="F908" s="16" t="s">
        <v>362</v>
      </c>
    </row>
    <row r="909" spans="1:6" x14ac:dyDescent="0.25">
      <c r="A909" s="15" t="s">
        <v>394</v>
      </c>
      <c r="B909" s="20" t="s">
        <v>1748</v>
      </c>
      <c r="C909" s="16" t="s">
        <v>417</v>
      </c>
      <c r="D909" s="16" t="s">
        <v>416</v>
      </c>
      <c r="E909" s="16"/>
      <c r="F909" s="16" t="s">
        <v>362</v>
      </c>
    </row>
    <row r="910" spans="1:6" x14ac:dyDescent="0.25">
      <c r="A910" s="15" t="s">
        <v>394</v>
      </c>
      <c r="B910" s="20" t="s">
        <v>1748</v>
      </c>
      <c r="C910" s="16" t="s">
        <v>415</v>
      </c>
      <c r="D910" s="16" t="s">
        <v>414</v>
      </c>
      <c r="E910" s="16"/>
      <c r="F910" s="16" t="s">
        <v>362</v>
      </c>
    </row>
    <row r="911" spans="1:6" x14ac:dyDescent="0.25">
      <c r="A911" s="15" t="s">
        <v>394</v>
      </c>
      <c r="B911" s="20" t="s">
        <v>1748</v>
      </c>
      <c r="C911" s="16" t="s">
        <v>413</v>
      </c>
      <c r="D911" s="16" t="s">
        <v>412</v>
      </c>
      <c r="E911" s="16"/>
      <c r="F911" s="16" t="s">
        <v>362</v>
      </c>
    </row>
    <row r="912" spans="1:6" x14ac:dyDescent="0.25">
      <c r="A912" s="15" t="s">
        <v>394</v>
      </c>
      <c r="B912" s="20" t="s">
        <v>1748</v>
      </c>
      <c r="C912" s="16" t="s">
        <v>146</v>
      </c>
      <c r="D912" s="16" t="s">
        <v>411</v>
      </c>
      <c r="E912" s="16"/>
      <c r="F912" s="16" t="s">
        <v>362</v>
      </c>
    </row>
    <row r="913" spans="1:6" x14ac:dyDescent="0.25">
      <c r="A913" s="15" t="s">
        <v>394</v>
      </c>
      <c r="B913" s="20" t="s">
        <v>1748</v>
      </c>
      <c r="C913" s="16" t="s">
        <v>410</v>
      </c>
      <c r="D913" s="16" t="s">
        <v>409</v>
      </c>
      <c r="E913" s="16"/>
      <c r="F913" s="16" t="s">
        <v>362</v>
      </c>
    </row>
    <row r="914" spans="1:6" x14ac:dyDescent="0.25">
      <c r="A914" s="15" t="s">
        <v>394</v>
      </c>
      <c r="B914" s="20" t="s">
        <v>1748</v>
      </c>
      <c r="C914" s="16" t="s">
        <v>408</v>
      </c>
      <c r="D914" s="16" t="s">
        <v>407</v>
      </c>
      <c r="E914" s="16"/>
      <c r="F914" s="16" t="s">
        <v>362</v>
      </c>
    </row>
    <row r="915" spans="1:6" x14ac:dyDescent="0.25">
      <c r="A915" s="15" t="s">
        <v>394</v>
      </c>
      <c r="B915" s="20" t="s">
        <v>1748</v>
      </c>
      <c r="C915" s="16" t="s">
        <v>285</v>
      </c>
      <c r="D915" s="16" t="s">
        <v>406</v>
      </c>
      <c r="E915" s="16"/>
      <c r="F915" s="16" t="s">
        <v>362</v>
      </c>
    </row>
    <row r="916" spans="1:6" x14ac:dyDescent="0.25">
      <c r="A916" s="15" t="s">
        <v>394</v>
      </c>
      <c r="B916" s="20" t="s">
        <v>1748</v>
      </c>
      <c r="C916" s="16" t="s">
        <v>405</v>
      </c>
      <c r="D916" s="16" t="s">
        <v>404</v>
      </c>
      <c r="E916" s="16"/>
      <c r="F916" s="16" t="s">
        <v>362</v>
      </c>
    </row>
    <row r="917" spans="1:6" x14ac:dyDescent="0.25">
      <c r="A917" s="15" t="s">
        <v>394</v>
      </c>
      <c r="B917" s="20" t="s">
        <v>1748</v>
      </c>
      <c r="C917" s="16" t="s">
        <v>403</v>
      </c>
      <c r="D917" s="16" t="s">
        <v>402</v>
      </c>
      <c r="E917" s="16"/>
      <c r="F917" s="16" t="s">
        <v>362</v>
      </c>
    </row>
    <row r="918" spans="1:6" x14ac:dyDescent="0.25">
      <c r="A918" s="15" t="s">
        <v>394</v>
      </c>
      <c r="B918" s="20" t="s">
        <v>1748</v>
      </c>
      <c r="C918" s="16" t="s">
        <v>401</v>
      </c>
      <c r="D918" s="16" t="s">
        <v>400</v>
      </c>
      <c r="E918" s="16"/>
      <c r="F918" s="16" t="s">
        <v>362</v>
      </c>
    </row>
    <row r="919" spans="1:6" x14ac:dyDescent="0.25">
      <c r="A919" s="15" t="s">
        <v>394</v>
      </c>
      <c r="B919" s="20" t="s">
        <v>1748</v>
      </c>
      <c r="C919" s="16" t="s">
        <v>380</v>
      </c>
      <c r="D919" s="16" t="s">
        <v>399</v>
      </c>
      <c r="E919" s="16"/>
      <c r="F919" s="16" t="s">
        <v>362</v>
      </c>
    </row>
    <row r="920" spans="1:6" x14ac:dyDescent="0.25">
      <c r="A920" s="15" t="s">
        <v>394</v>
      </c>
      <c r="B920" s="20" t="s">
        <v>1748</v>
      </c>
      <c r="C920" s="16" t="s">
        <v>398</v>
      </c>
      <c r="D920" s="16" t="s">
        <v>397</v>
      </c>
      <c r="E920" s="16"/>
      <c r="F920" s="16" t="s">
        <v>362</v>
      </c>
    </row>
    <row r="921" spans="1:6" x14ac:dyDescent="0.25">
      <c r="A921" s="15" t="s">
        <v>394</v>
      </c>
      <c r="B921" s="20" t="s">
        <v>1748</v>
      </c>
      <c r="C921" s="16" t="s">
        <v>396</v>
      </c>
      <c r="D921" s="16" t="s">
        <v>395</v>
      </c>
      <c r="E921" s="16"/>
      <c r="F921" s="16" t="s">
        <v>362</v>
      </c>
    </row>
    <row r="922" spans="1:6" ht="12.75" thickBot="1" x14ac:dyDescent="0.3">
      <c r="A922" s="22" t="s">
        <v>394</v>
      </c>
      <c r="B922" s="23" t="s">
        <v>1748</v>
      </c>
      <c r="C922" s="24" t="s">
        <v>392</v>
      </c>
      <c r="D922" s="24" t="s">
        <v>391</v>
      </c>
      <c r="E922" s="24"/>
      <c r="F922" s="16" t="s">
        <v>362</v>
      </c>
    </row>
    <row r="923" spans="1:6" ht="37.5" thickTop="1" thickBot="1" x14ac:dyDescent="0.3">
      <c r="A923" s="28" t="s">
        <v>390</v>
      </c>
      <c r="B923" s="29" t="s">
        <v>389</v>
      </c>
      <c r="C923" s="30"/>
      <c r="D923" s="30"/>
      <c r="E923" s="30"/>
      <c r="F923" s="16" t="s">
        <v>362</v>
      </c>
    </row>
    <row r="924" spans="1:6" ht="25.5" thickTop="1" thickBot="1" x14ac:dyDescent="0.3">
      <c r="A924" s="28" t="s">
        <v>388</v>
      </c>
      <c r="B924" s="29" t="s">
        <v>387</v>
      </c>
      <c r="C924" s="30"/>
      <c r="D924" s="30"/>
      <c r="E924" s="30"/>
      <c r="F924" s="16" t="s">
        <v>362</v>
      </c>
    </row>
    <row r="925" spans="1:6" ht="36.75" thickTop="1" x14ac:dyDescent="0.25">
      <c r="A925" s="25" t="s">
        <v>370</v>
      </c>
      <c r="B925" s="26" t="s">
        <v>369</v>
      </c>
      <c r="C925" s="27" t="s">
        <v>386</v>
      </c>
      <c r="D925" s="27" t="s">
        <v>385</v>
      </c>
      <c r="E925" s="27"/>
      <c r="F925" s="16" t="s">
        <v>362</v>
      </c>
    </row>
    <row r="926" spans="1:6" ht="36" x14ac:dyDescent="0.25">
      <c r="A926" s="15" t="s">
        <v>370</v>
      </c>
      <c r="B926" s="20" t="s">
        <v>1748</v>
      </c>
      <c r="C926" s="16" t="s">
        <v>384</v>
      </c>
      <c r="D926" s="16" t="s">
        <v>383</v>
      </c>
      <c r="E926" s="16"/>
      <c r="F926" s="16" t="s">
        <v>362</v>
      </c>
    </row>
    <row r="927" spans="1:6" ht="36" x14ac:dyDescent="0.25">
      <c r="A927" s="15" t="s">
        <v>370</v>
      </c>
      <c r="B927" s="20" t="s">
        <v>1748</v>
      </c>
      <c r="C927" s="16" t="s">
        <v>382</v>
      </c>
      <c r="D927" s="16" t="s">
        <v>381</v>
      </c>
      <c r="E927" s="16"/>
      <c r="F927" s="16" t="s">
        <v>362</v>
      </c>
    </row>
    <row r="928" spans="1:6" ht="24" x14ac:dyDescent="0.25">
      <c r="A928" s="15" t="s">
        <v>370</v>
      </c>
      <c r="B928" s="20" t="s">
        <v>1748</v>
      </c>
      <c r="C928" s="16" t="s">
        <v>380</v>
      </c>
      <c r="D928" s="16" t="s">
        <v>379</v>
      </c>
      <c r="E928" s="16"/>
      <c r="F928" s="16" t="s">
        <v>362</v>
      </c>
    </row>
    <row r="929" spans="1:6" ht="36" x14ac:dyDescent="0.25">
      <c r="A929" s="15" t="s">
        <v>370</v>
      </c>
      <c r="B929" s="20" t="s">
        <v>1748</v>
      </c>
      <c r="C929" s="16" t="s">
        <v>197</v>
      </c>
      <c r="D929" s="16" t="s">
        <v>378</v>
      </c>
      <c r="E929" s="16" t="s">
        <v>377</v>
      </c>
      <c r="F929" s="16" t="s">
        <v>362</v>
      </c>
    </row>
    <row r="930" spans="1:6" ht="36" x14ac:dyDescent="0.25">
      <c r="A930" s="15" t="s">
        <v>370</v>
      </c>
      <c r="B930" s="20" t="s">
        <v>1748</v>
      </c>
      <c r="C930" s="16" t="s">
        <v>376</v>
      </c>
      <c r="D930" s="16" t="s">
        <v>375</v>
      </c>
      <c r="E930" s="16" t="s">
        <v>374</v>
      </c>
      <c r="F930" s="16" t="s">
        <v>362</v>
      </c>
    </row>
    <row r="931" spans="1:6" ht="24" x14ac:dyDescent="0.25">
      <c r="A931" s="15" t="s">
        <v>370</v>
      </c>
      <c r="B931" s="20" t="s">
        <v>1748</v>
      </c>
      <c r="C931" s="16" t="s">
        <v>373</v>
      </c>
      <c r="D931" s="16" t="s">
        <v>372</v>
      </c>
      <c r="E931" s="16" t="s">
        <v>371</v>
      </c>
      <c r="F931" s="16" t="s">
        <v>362</v>
      </c>
    </row>
    <row r="932" spans="1:6" ht="36.75" thickBot="1" x14ac:dyDescent="0.3">
      <c r="A932" s="22" t="s">
        <v>370</v>
      </c>
      <c r="B932" s="23" t="s">
        <v>1748</v>
      </c>
      <c r="C932" s="24" t="s">
        <v>154</v>
      </c>
      <c r="D932" s="24" t="s">
        <v>368</v>
      </c>
      <c r="E932" s="24"/>
      <c r="F932" s="16" t="s">
        <v>362</v>
      </c>
    </row>
    <row r="933" spans="1:6" ht="37.5" thickTop="1" thickBot="1" x14ac:dyDescent="0.3">
      <c r="A933" s="28" t="s">
        <v>367</v>
      </c>
      <c r="B933" s="29" t="s">
        <v>366</v>
      </c>
      <c r="C933" s="30"/>
      <c r="D933" s="30"/>
      <c r="E933" s="30"/>
      <c r="F933" s="16"/>
    </row>
    <row r="934" spans="1:6" ht="49.5" thickTop="1" thickBot="1" x14ac:dyDescent="0.3">
      <c r="A934" s="28" t="s">
        <v>88</v>
      </c>
      <c r="B934" s="29" t="s">
        <v>365</v>
      </c>
      <c r="C934" s="30"/>
      <c r="D934" s="30"/>
      <c r="E934" s="30"/>
      <c r="F934" s="16" t="s">
        <v>362</v>
      </c>
    </row>
    <row r="935" spans="1:6" ht="25.5" thickTop="1" thickBot="1" x14ac:dyDescent="0.3">
      <c r="A935" s="28" t="s">
        <v>364</v>
      </c>
      <c r="B935" s="29" t="s">
        <v>363</v>
      </c>
      <c r="C935" s="30"/>
      <c r="D935" s="30"/>
      <c r="E935" s="30"/>
      <c r="F935" s="16" t="s">
        <v>362</v>
      </c>
    </row>
    <row r="936" spans="1:6" ht="61.5" thickTop="1" thickBot="1" x14ac:dyDescent="0.3">
      <c r="A936" s="28" t="s">
        <v>22</v>
      </c>
      <c r="B936" s="29" t="s">
        <v>361</v>
      </c>
      <c r="C936" s="30"/>
      <c r="D936" s="30"/>
      <c r="E936" s="30"/>
      <c r="F936" s="16"/>
    </row>
    <row r="937" spans="1:6" ht="169.5" thickTop="1" thickBot="1" x14ac:dyDescent="0.3">
      <c r="A937" s="28" t="s">
        <v>29</v>
      </c>
      <c r="B937" s="29" t="s">
        <v>360</v>
      </c>
      <c r="C937" s="30"/>
      <c r="D937" s="30"/>
      <c r="E937" s="30"/>
      <c r="F937" s="16"/>
    </row>
    <row r="938" spans="1:6" ht="109.5" thickTop="1" thickBot="1" x14ac:dyDescent="0.3">
      <c r="A938" s="28" t="s">
        <v>89</v>
      </c>
      <c r="B938" s="29" t="s">
        <v>359</v>
      </c>
      <c r="C938" s="30"/>
      <c r="D938" s="30"/>
      <c r="E938" s="30"/>
      <c r="F938" s="16" t="s">
        <v>111</v>
      </c>
    </row>
    <row r="939" spans="1:6" ht="60.75" thickTop="1" x14ac:dyDescent="0.25">
      <c r="A939" s="25" t="s">
        <v>53</v>
      </c>
      <c r="B939" s="26" t="s">
        <v>220</v>
      </c>
      <c r="C939" s="27" t="s">
        <v>358</v>
      </c>
      <c r="D939" s="27" t="s">
        <v>357</v>
      </c>
      <c r="E939" s="27" t="s">
        <v>356</v>
      </c>
      <c r="F939" s="16" t="s">
        <v>111</v>
      </c>
    </row>
    <row r="940" spans="1:6" ht="24" x14ac:dyDescent="0.25">
      <c r="A940" s="15" t="s">
        <v>53</v>
      </c>
      <c r="B940" s="20" t="s">
        <v>1748</v>
      </c>
      <c r="C940" s="16" t="s">
        <v>355</v>
      </c>
      <c r="D940" s="16" t="s">
        <v>354</v>
      </c>
      <c r="E940" s="16" t="s">
        <v>353</v>
      </c>
      <c r="F940" s="16" t="s">
        <v>111</v>
      </c>
    </row>
    <row r="941" spans="1:6" ht="36" x14ac:dyDescent="0.25">
      <c r="A941" s="15" t="s">
        <v>53</v>
      </c>
      <c r="B941" s="20" t="s">
        <v>1748</v>
      </c>
      <c r="C941" s="16" t="s">
        <v>352</v>
      </c>
      <c r="D941" s="16" t="s">
        <v>351</v>
      </c>
      <c r="E941" s="16" t="s">
        <v>350</v>
      </c>
      <c r="F941" s="16" t="s">
        <v>111</v>
      </c>
    </row>
    <row r="942" spans="1:6" ht="36" x14ac:dyDescent="0.25">
      <c r="A942" s="15" t="s">
        <v>53</v>
      </c>
      <c r="B942" s="20" t="s">
        <v>1748</v>
      </c>
      <c r="C942" s="16" t="s">
        <v>349</v>
      </c>
      <c r="D942" s="16" t="s">
        <v>348</v>
      </c>
      <c r="E942" s="16" t="s">
        <v>347</v>
      </c>
      <c r="F942" s="16" t="s">
        <v>111</v>
      </c>
    </row>
    <row r="943" spans="1:6" ht="36" x14ac:dyDescent="0.25">
      <c r="A943" s="15" t="s">
        <v>53</v>
      </c>
      <c r="B943" s="20" t="s">
        <v>1748</v>
      </c>
      <c r="C943" s="16" t="s">
        <v>346</v>
      </c>
      <c r="D943" s="16" t="s">
        <v>345</v>
      </c>
      <c r="E943" s="16" t="s">
        <v>344</v>
      </c>
      <c r="F943" s="16" t="s">
        <v>111</v>
      </c>
    </row>
    <row r="944" spans="1:6" ht="48" x14ac:dyDescent="0.25">
      <c r="A944" s="15" t="s">
        <v>53</v>
      </c>
      <c r="B944" s="20" t="s">
        <v>1748</v>
      </c>
      <c r="C944" s="16" t="s">
        <v>343</v>
      </c>
      <c r="D944" s="16" t="s">
        <v>342</v>
      </c>
      <c r="E944" s="16" t="s">
        <v>341</v>
      </c>
      <c r="F944" s="16" t="s">
        <v>111</v>
      </c>
    </row>
    <row r="945" spans="1:6" ht="24" x14ac:dyDescent="0.25">
      <c r="A945" s="15" t="s">
        <v>53</v>
      </c>
      <c r="B945" s="20" t="s">
        <v>1748</v>
      </c>
      <c r="C945" s="16" t="s">
        <v>340</v>
      </c>
      <c r="D945" s="16" t="s">
        <v>339</v>
      </c>
      <c r="E945" s="16" t="s">
        <v>338</v>
      </c>
      <c r="F945" s="16" t="s">
        <v>111</v>
      </c>
    </row>
    <row r="946" spans="1:6" ht="24" x14ac:dyDescent="0.25">
      <c r="A946" s="15" t="s">
        <v>53</v>
      </c>
      <c r="B946" s="20" t="s">
        <v>1748</v>
      </c>
      <c r="C946" s="16" t="s">
        <v>337</v>
      </c>
      <c r="D946" s="16" t="s">
        <v>336</v>
      </c>
      <c r="E946" s="16" t="s">
        <v>335</v>
      </c>
      <c r="F946" s="16" t="s">
        <v>111</v>
      </c>
    </row>
    <row r="947" spans="1:6" ht="24" x14ac:dyDescent="0.25">
      <c r="A947" s="15" t="s">
        <v>53</v>
      </c>
      <c r="B947" s="20" t="s">
        <v>1748</v>
      </c>
      <c r="C947" s="16" t="s">
        <v>334</v>
      </c>
      <c r="D947" s="16" t="s">
        <v>333</v>
      </c>
      <c r="E947" s="16" t="s">
        <v>332</v>
      </c>
      <c r="F947" s="16" t="s">
        <v>111</v>
      </c>
    </row>
    <row r="948" spans="1:6" ht="48" x14ac:dyDescent="0.25">
      <c r="A948" s="15" t="s">
        <v>53</v>
      </c>
      <c r="B948" s="20" t="s">
        <v>1748</v>
      </c>
      <c r="C948" s="16" t="s">
        <v>331</v>
      </c>
      <c r="D948" s="16" t="s">
        <v>330</v>
      </c>
      <c r="E948" s="16" t="s">
        <v>329</v>
      </c>
      <c r="F948" s="16" t="s">
        <v>111</v>
      </c>
    </row>
    <row r="949" spans="1:6" ht="24" x14ac:dyDescent="0.25">
      <c r="A949" s="15" t="s">
        <v>53</v>
      </c>
      <c r="B949" s="20" t="s">
        <v>1748</v>
      </c>
      <c r="C949" s="16" t="s">
        <v>328</v>
      </c>
      <c r="D949" s="16" t="s">
        <v>327</v>
      </c>
      <c r="E949" s="16" t="s">
        <v>326</v>
      </c>
      <c r="F949" s="16" t="s">
        <v>111</v>
      </c>
    </row>
    <row r="950" spans="1:6" ht="24" x14ac:dyDescent="0.25">
      <c r="A950" s="15" t="s">
        <v>53</v>
      </c>
      <c r="B950" s="20" t="s">
        <v>1748</v>
      </c>
      <c r="C950" s="16" t="s">
        <v>325</v>
      </c>
      <c r="D950" s="16" t="s">
        <v>324</v>
      </c>
      <c r="E950" s="16" t="s">
        <v>323</v>
      </c>
      <c r="F950" s="16" t="s">
        <v>111</v>
      </c>
    </row>
    <row r="951" spans="1:6" ht="48" x14ac:dyDescent="0.25">
      <c r="A951" s="15" t="s">
        <v>53</v>
      </c>
      <c r="B951" s="20" t="s">
        <v>1748</v>
      </c>
      <c r="C951" s="16" t="s">
        <v>322</v>
      </c>
      <c r="D951" s="16" t="s">
        <v>321</v>
      </c>
      <c r="E951" s="16" t="s">
        <v>320</v>
      </c>
      <c r="F951" s="16" t="s">
        <v>111</v>
      </c>
    </row>
    <row r="952" spans="1:6" ht="36" x14ac:dyDescent="0.25">
      <c r="A952" s="15" t="s">
        <v>53</v>
      </c>
      <c r="B952" s="20" t="s">
        <v>1748</v>
      </c>
      <c r="C952" s="16" t="s">
        <v>319</v>
      </c>
      <c r="D952" s="16" t="s">
        <v>318</v>
      </c>
      <c r="E952" s="16" t="s">
        <v>317</v>
      </c>
      <c r="F952" s="16" t="s">
        <v>111</v>
      </c>
    </row>
    <row r="953" spans="1:6" x14ac:dyDescent="0.25">
      <c r="A953" s="15" t="s">
        <v>53</v>
      </c>
      <c r="B953" s="20" t="s">
        <v>1748</v>
      </c>
      <c r="C953" s="16" t="s">
        <v>316</v>
      </c>
      <c r="D953" s="16" t="s">
        <v>315</v>
      </c>
      <c r="E953" s="16"/>
      <c r="F953" s="16" t="s">
        <v>111</v>
      </c>
    </row>
    <row r="954" spans="1:6" x14ac:dyDescent="0.25">
      <c r="A954" s="15" t="s">
        <v>53</v>
      </c>
      <c r="B954" s="20" t="s">
        <v>1748</v>
      </c>
      <c r="C954" s="16" t="s">
        <v>314</v>
      </c>
      <c r="D954" s="16" t="s">
        <v>313</v>
      </c>
      <c r="E954" s="16" t="s">
        <v>312</v>
      </c>
      <c r="F954" s="16" t="s">
        <v>111</v>
      </c>
    </row>
    <row r="955" spans="1:6" ht="48" x14ac:dyDescent="0.25">
      <c r="A955" s="15" t="s">
        <v>53</v>
      </c>
      <c r="B955" s="20" t="s">
        <v>1748</v>
      </c>
      <c r="C955" s="16" t="s">
        <v>311</v>
      </c>
      <c r="D955" s="16" t="s">
        <v>310</v>
      </c>
      <c r="E955" s="16" t="s">
        <v>309</v>
      </c>
      <c r="F955" s="16" t="s">
        <v>111</v>
      </c>
    </row>
    <row r="956" spans="1:6" ht="36" x14ac:dyDescent="0.25">
      <c r="A956" s="15" t="s">
        <v>53</v>
      </c>
      <c r="B956" s="20" t="s">
        <v>1748</v>
      </c>
      <c r="C956" s="16" t="s">
        <v>308</v>
      </c>
      <c r="D956" s="16" t="s">
        <v>307</v>
      </c>
      <c r="E956" s="16" t="s">
        <v>306</v>
      </c>
      <c r="F956" s="16" t="s">
        <v>111</v>
      </c>
    </row>
    <row r="957" spans="1:6" ht="24" x14ac:dyDescent="0.25">
      <c r="A957" s="15" t="s">
        <v>53</v>
      </c>
      <c r="B957" s="20" t="s">
        <v>1748</v>
      </c>
      <c r="C957" s="16" t="s">
        <v>305</v>
      </c>
      <c r="D957" s="16" t="s">
        <v>304</v>
      </c>
      <c r="E957" s="16" t="s">
        <v>303</v>
      </c>
      <c r="F957" s="16" t="s">
        <v>111</v>
      </c>
    </row>
    <row r="958" spans="1:6" ht="36" x14ac:dyDescent="0.25">
      <c r="A958" s="15" t="s">
        <v>53</v>
      </c>
      <c r="B958" s="20" t="s">
        <v>1748</v>
      </c>
      <c r="C958" s="16" t="s">
        <v>302</v>
      </c>
      <c r="D958" s="16" t="s">
        <v>301</v>
      </c>
      <c r="E958" s="16" t="s">
        <v>300</v>
      </c>
      <c r="F958" s="16" t="s">
        <v>111</v>
      </c>
    </row>
    <row r="959" spans="1:6" x14ac:dyDescent="0.25">
      <c r="A959" s="15" t="s">
        <v>53</v>
      </c>
      <c r="B959" s="20" t="s">
        <v>1748</v>
      </c>
      <c r="C959" s="16" t="s">
        <v>299</v>
      </c>
      <c r="D959" s="16" t="s">
        <v>298</v>
      </c>
      <c r="E959" s="16" t="s">
        <v>298</v>
      </c>
      <c r="F959" s="16" t="s">
        <v>111</v>
      </c>
    </row>
    <row r="960" spans="1:6" ht="48" x14ac:dyDescent="0.25">
      <c r="A960" s="15" t="s">
        <v>53</v>
      </c>
      <c r="B960" s="20" t="s">
        <v>1748</v>
      </c>
      <c r="C960" s="16" t="s">
        <v>297</v>
      </c>
      <c r="D960" s="16" t="s">
        <v>296</v>
      </c>
      <c r="E960" s="16" t="s">
        <v>295</v>
      </c>
      <c r="F960" s="16" t="s">
        <v>111</v>
      </c>
    </row>
    <row r="961" spans="1:6" ht="36" x14ac:dyDescent="0.25">
      <c r="A961" s="15" t="s">
        <v>53</v>
      </c>
      <c r="B961" s="20" t="s">
        <v>1748</v>
      </c>
      <c r="C961" s="16" t="s">
        <v>294</v>
      </c>
      <c r="D961" s="16" t="s">
        <v>293</v>
      </c>
      <c r="E961" s="16" t="s">
        <v>292</v>
      </c>
      <c r="F961" s="16" t="s">
        <v>111</v>
      </c>
    </row>
    <row r="962" spans="1:6" x14ac:dyDescent="0.25">
      <c r="A962" s="15" t="s">
        <v>53</v>
      </c>
      <c r="B962" s="20" t="s">
        <v>1748</v>
      </c>
      <c r="C962" s="16" t="s">
        <v>291</v>
      </c>
      <c r="D962" s="16" t="s">
        <v>290</v>
      </c>
      <c r="E962" s="16" t="s">
        <v>289</v>
      </c>
      <c r="F962" s="16" t="s">
        <v>111</v>
      </c>
    </row>
    <row r="963" spans="1:6" ht="24" x14ac:dyDescent="0.25">
      <c r="A963" s="15" t="s">
        <v>53</v>
      </c>
      <c r="B963" s="20" t="s">
        <v>1748</v>
      </c>
      <c r="C963" s="16" t="s">
        <v>288</v>
      </c>
      <c r="D963" s="16" t="s">
        <v>287</v>
      </c>
      <c r="E963" s="16" t="s">
        <v>286</v>
      </c>
      <c r="F963" s="16" t="s">
        <v>111</v>
      </c>
    </row>
    <row r="964" spans="1:6" ht="48" x14ac:dyDescent="0.25">
      <c r="A964" s="15" t="s">
        <v>53</v>
      </c>
      <c r="B964" s="20" t="s">
        <v>1748</v>
      </c>
      <c r="C964" s="16" t="s">
        <v>285</v>
      </c>
      <c r="D964" s="16" t="s">
        <v>284</v>
      </c>
      <c r="E964" s="16" t="s">
        <v>283</v>
      </c>
      <c r="F964" s="16" t="s">
        <v>111</v>
      </c>
    </row>
    <row r="965" spans="1:6" ht="60" x14ac:dyDescent="0.25">
      <c r="A965" s="15" t="s">
        <v>53</v>
      </c>
      <c r="B965" s="20" t="s">
        <v>1748</v>
      </c>
      <c r="C965" s="16" t="s">
        <v>282</v>
      </c>
      <c r="D965" s="16" t="s">
        <v>281</v>
      </c>
      <c r="E965" s="16" t="s">
        <v>280</v>
      </c>
      <c r="F965" s="16" t="s">
        <v>111</v>
      </c>
    </row>
    <row r="966" spans="1:6" ht="24" x14ac:dyDescent="0.25">
      <c r="A966" s="15" t="s">
        <v>53</v>
      </c>
      <c r="B966" s="20" t="s">
        <v>1748</v>
      </c>
      <c r="C966" s="16" t="s">
        <v>279</v>
      </c>
      <c r="D966" s="16" t="s">
        <v>278</v>
      </c>
      <c r="E966" s="16" t="s">
        <v>277</v>
      </c>
      <c r="F966" s="16" t="s">
        <v>111</v>
      </c>
    </row>
    <row r="967" spans="1:6" ht="24" x14ac:dyDescent="0.25">
      <c r="A967" s="15" t="s">
        <v>53</v>
      </c>
      <c r="B967" s="20" t="s">
        <v>1748</v>
      </c>
      <c r="C967" s="16" t="s">
        <v>276</v>
      </c>
      <c r="D967" s="16" t="s">
        <v>275</v>
      </c>
      <c r="E967" s="16" t="s">
        <v>274</v>
      </c>
      <c r="F967" s="16" t="s">
        <v>111</v>
      </c>
    </row>
    <row r="968" spans="1:6" x14ac:dyDescent="0.25">
      <c r="A968" s="15" t="s">
        <v>53</v>
      </c>
      <c r="B968" s="20" t="s">
        <v>1748</v>
      </c>
      <c r="C968" s="16" t="s">
        <v>273</v>
      </c>
      <c r="D968" s="16" t="s">
        <v>272</v>
      </c>
      <c r="E968" s="16" t="s">
        <v>271</v>
      </c>
      <c r="F968" s="16" t="s">
        <v>111</v>
      </c>
    </row>
    <row r="969" spans="1:6" ht="48" x14ac:dyDescent="0.25">
      <c r="A969" s="15" t="s">
        <v>53</v>
      </c>
      <c r="B969" s="20" t="s">
        <v>1748</v>
      </c>
      <c r="C969" s="16" t="s">
        <v>270</v>
      </c>
      <c r="D969" s="16" t="s">
        <v>269</v>
      </c>
      <c r="E969" s="16" t="s">
        <v>268</v>
      </c>
      <c r="F969" s="16" t="s">
        <v>111</v>
      </c>
    </row>
    <row r="970" spans="1:6" ht="36" x14ac:dyDescent="0.25">
      <c r="A970" s="15" t="s">
        <v>53</v>
      </c>
      <c r="B970" s="20" t="s">
        <v>1748</v>
      </c>
      <c r="C970" s="16" t="s">
        <v>267</v>
      </c>
      <c r="D970" s="16" t="s">
        <v>266</v>
      </c>
      <c r="E970" s="16" t="s">
        <v>265</v>
      </c>
      <c r="F970" s="16" t="s">
        <v>111</v>
      </c>
    </row>
    <row r="971" spans="1:6" ht="24" x14ac:dyDescent="0.25">
      <c r="A971" s="15" t="s">
        <v>53</v>
      </c>
      <c r="B971" s="20" t="s">
        <v>1748</v>
      </c>
      <c r="C971" s="16" t="s">
        <v>131</v>
      </c>
      <c r="D971" s="16" t="s">
        <v>264</v>
      </c>
      <c r="E971" s="16" t="s">
        <v>263</v>
      </c>
      <c r="F971" s="16" t="s">
        <v>111</v>
      </c>
    </row>
    <row r="972" spans="1:6" ht="24" x14ac:dyDescent="0.25">
      <c r="A972" s="15" t="s">
        <v>53</v>
      </c>
      <c r="B972" s="20" t="s">
        <v>1748</v>
      </c>
      <c r="C972" s="16" t="s">
        <v>262</v>
      </c>
      <c r="D972" s="16" t="s">
        <v>261</v>
      </c>
      <c r="E972" s="16" t="s">
        <v>260</v>
      </c>
      <c r="F972" s="16" t="s">
        <v>111</v>
      </c>
    </row>
    <row r="973" spans="1:6" ht="36" x14ac:dyDescent="0.25">
      <c r="A973" s="15" t="s">
        <v>53</v>
      </c>
      <c r="B973" s="20" t="s">
        <v>1748</v>
      </c>
      <c r="C973" s="16" t="s">
        <v>259</v>
      </c>
      <c r="D973" s="16" t="s">
        <v>258</v>
      </c>
      <c r="E973" s="16" t="s">
        <v>257</v>
      </c>
      <c r="F973" s="16" t="s">
        <v>111</v>
      </c>
    </row>
    <row r="974" spans="1:6" ht="36" x14ac:dyDescent="0.25">
      <c r="A974" s="15" t="s">
        <v>53</v>
      </c>
      <c r="B974" s="20" t="s">
        <v>1748</v>
      </c>
      <c r="C974" s="16" t="s">
        <v>256</v>
      </c>
      <c r="D974" s="16" t="s">
        <v>255</v>
      </c>
      <c r="E974" s="16" t="s">
        <v>254</v>
      </c>
      <c r="F974" s="16" t="s">
        <v>111</v>
      </c>
    </row>
    <row r="975" spans="1:6" ht="72" x14ac:dyDescent="0.25">
      <c r="A975" s="15" t="s">
        <v>53</v>
      </c>
      <c r="B975" s="20" t="s">
        <v>1748</v>
      </c>
      <c r="C975" s="16" t="s">
        <v>253</v>
      </c>
      <c r="D975" s="16" t="s">
        <v>252</v>
      </c>
      <c r="E975" s="16" t="s">
        <v>251</v>
      </c>
      <c r="F975" s="16" t="s">
        <v>111</v>
      </c>
    </row>
    <row r="976" spans="1:6" ht="60" x14ac:dyDescent="0.25">
      <c r="A976" s="15" t="s">
        <v>53</v>
      </c>
      <c r="B976" s="20" t="s">
        <v>1748</v>
      </c>
      <c r="C976" s="16" t="s">
        <v>250</v>
      </c>
      <c r="D976" s="16" t="s">
        <v>249</v>
      </c>
      <c r="E976" s="16" t="s">
        <v>248</v>
      </c>
      <c r="F976" s="16" t="s">
        <v>111</v>
      </c>
    </row>
    <row r="977" spans="1:6" ht="60" x14ac:dyDescent="0.25">
      <c r="A977" s="15" t="s">
        <v>53</v>
      </c>
      <c r="B977" s="20" t="s">
        <v>1748</v>
      </c>
      <c r="C977" s="16" t="s">
        <v>247</v>
      </c>
      <c r="D977" s="16" t="s">
        <v>246</v>
      </c>
      <c r="E977" s="16" t="s">
        <v>245</v>
      </c>
      <c r="F977" s="16" t="s">
        <v>111</v>
      </c>
    </row>
    <row r="978" spans="1:6" ht="36" x14ac:dyDescent="0.25">
      <c r="A978" s="15" t="s">
        <v>53</v>
      </c>
      <c r="B978" s="20" t="s">
        <v>1748</v>
      </c>
      <c r="C978" s="16" t="s">
        <v>244</v>
      </c>
      <c r="D978" s="16" t="s">
        <v>243</v>
      </c>
      <c r="E978" s="16" t="s">
        <v>242</v>
      </c>
      <c r="F978" s="16" t="s">
        <v>111</v>
      </c>
    </row>
    <row r="979" spans="1:6" ht="48" x14ac:dyDescent="0.25">
      <c r="A979" s="15" t="s">
        <v>53</v>
      </c>
      <c r="B979" s="20" t="s">
        <v>1748</v>
      </c>
      <c r="C979" s="16" t="s">
        <v>241</v>
      </c>
      <c r="D979" s="16" t="s">
        <v>240</v>
      </c>
      <c r="E979" s="16" t="s">
        <v>239</v>
      </c>
      <c r="F979" s="16" t="s">
        <v>111</v>
      </c>
    </row>
    <row r="980" spans="1:6" ht="48" x14ac:dyDescent="0.25">
      <c r="A980" s="15" t="s">
        <v>53</v>
      </c>
      <c r="B980" s="20" t="s">
        <v>1748</v>
      </c>
      <c r="C980" s="16" t="s">
        <v>238</v>
      </c>
      <c r="D980" s="16" t="s">
        <v>237</v>
      </c>
      <c r="E980" s="16" t="s">
        <v>236</v>
      </c>
      <c r="F980" s="16" t="s">
        <v>111</v>
      </c>
    </row>
    <row r="981" spans="1:6" ht="36" x14ac:dyDescent="0.25">
      <c r="A981" s="15" t="s">
        <v>53</v>
      </c>
      <c r="B981" s="20" t="s">
        <v>1748</v>
      </c>
      <c r="C981" s="16" t="s">
        <v>235</v>
      </c>
      <c r="D981" s="16" t="s">
        <v>234</v>
      </c>
      <c r="E981" s="16" t="s">
        <v>233</v>
      </c>
      <c r="F981" s="16" t="s">
        <v>111</v>
      </c>
    </row>
    <row r="982" spans="1:6" x14ac:dyDescent="0.25">
      <c r="A982" s="15" t="s">
        <v>53</v>
      </c>
      <c r="B982" s="20" t="s">
        <v>1748</v>
      </c>
      <c r="C982" s="16" t="s">
        <v>232</v>
      </c>
      <c r="D982" s="16" t="s">
        <v>231</v>
      </c>
      <c r="E982" s="16" t="s">
        <v>230</v>
      </c>
      <c r="F982" s="16" t="s">
        <v>111</v>
      </c>
    </row>
    <row r="983" spans="1:6" ht="24" x14ac:dyDescent="0.25">
      <c r="A983" s="15" t="s">
        <v>53</v>
      </c>
      <c r="B983" s="20" t="s">
        <v>1748</v>
      </c>
      <c r="C983" s="16" t="s">
        <v>229</v>
      </c>
      <c r="D983" s="16" t="s">
        <v>228</v>
      </c>
      <c r="E983" s="16" t="s">
        <v>227</v>
      </c>
      <c r="F983" s="16" t="s">
        <v>111</v>
      </c>
    </row>
    <row r="984" spans="1:6" ht="24" x14ac:dyDescent="0.25">
      <c r="A984" s="15" t="s">
        <v>53</v>
      </c>
      <c r="B984" s="20" t="s">
        <v>1748</v>
      </c>
      <c r="C984" s="16" t="s">
        <v>226</v>
      </c>
      <c r="D984" s="16" t="s">
        <v>225</v>
      </c>
      <c r="E984" s="16" t="s">
        <v>224</v>
      </c>
      <c r="F984" s="16" t="s">
        <v>111</v>
      </c>
    </row>
    <row r="985" spans="1:6" ht="36" x14ac:dyDescent="0.25">
      <c r="A985" s="15" t="s">
        <v>53</v>
      </c>
      <c r="B985" s="20" t="s">
        <v>1748</v>
      </c>
      <c r="C985" s="16" t="s">
        <v>223</v>
      </c>
      <c r="D985" s="16" t="s">
        <v>222</v>
      </c>
      <c r="E985" s="16" t="s">
        <v>221</v>
      </c>
      <c r="F985" s="16" t="s">
        <v>111</v>
      </c>
    </row>
    <row r="986" spans="1:6" ht="12.75" thickBot="1" x14ac:dyDescent="0.3">
      <c r="A986" s="22" t="s">
        <v>53</v>
      </c>
      <c r="B986" s="23" t="s">
        <v>1748</v>
      </c>
      <c r="C986" s="24" t="s">
        <v>219</v>
      </c>
      <c r="D986" s="24" t="s">
        <v>218</v>
      </c>
      <c r="E986" s="24" t="s">
        <v>218</v>
      </c>
      <c r="F986" s="16" t="s">
        <v>111</v>
      </c>
    </row>
    <row r="987" spans="1:6" ht="36.75" thickTop="1" x14ac:dyDescent="0.25">
      <c r="A987" s="25" t="s">
        <v>90</v>
      </c>
      <c r="B987" s="26" t="s">
        <v>198</v>
      </c>
      <c r="C987" s="27" t="s">
        <v>137</v>
      </c>
      <c r="D987" s="27" t="s">
        <v>217</v>
      </c>
      <c r="E987" s="27" t="s">
        <v>216</v>
      </c>
      <c r="F987" s="16" t="s">
        <v>111</v>
      </c>
    </row>
    <row r="988" spans="1:6" ht="24" x14ac:dyDescent="0.25">
      <c r="A988" s="15" t="s">
        <v>90</v>
      </c>
      <c r="B988" s="20" t="s">
        <v>1748</v>
      </c>
      <c r="C988" s="16" t="s">
        <v>215</v>
      </c>
      <c r="D988" s="16" t="s">
        <v>214</v>
      </c>
      <c r="E988" s="16" t="s">
        <v>213</v>
      </c>
      <c r="F988" s="16" t="s">
        <v>111</v>
      </c>
    </row>
    <row r="989" spans="1:6" ht="24" x14ac:dyDescent="0.25">
      <c r="A989" s="15" t="s">
        <v>90</v>
      </c>
      <c r="B989" s="20" t="s">
        <v>1748</v>
      </c>
      <c r="C989" s="16" t="s">
        <v>152</v>
      </c>
      <c r="D989" s="16" t="s">
        <v>212</v>
      </c>
      <c r="E989" s="16" t="s">
        <v>211</v>
      </c>
      <c r="F989" s="16" t="s">
        <v>111</v>
      </c>
    </row>
    <row r="990" spans="1:6" ht="24" x14ac:dyDescent="0.25">
      <c r="A990" s="15" t="s">
        <v>90</v>
      </c>
      <c r="B990" s="20" t="s">
        <v>1748</v>
      </c>
      <c r="C990" s="16" t="s">
        <v>210</v>
      </c>
      <c r="D990" s="16" t="s">
        <v>209</v>
      </c>
      <c r="E990" s="16" t="s">
        <v>208</v>
      </c>
      <c r="F990" s="16" t="s">
        <v>111</v>
      </c>
    </row>
    <row r="991" spans="1:6" ht="24" x14ac:dyDescent="0.25">
      <c r="A991" s="15" t="s">
        <v>90</v>
      </c>
      <c r="B991" s="20" t="s">
        <v>1748</v>
      </c>
      <c r="C991" s="16" t="s">
        <v>207</v>
      </c>
      <c r="D991" s="16" t="s">
        <v>206</v>
      </c>
      <c r="E991" s="16" t="s">
        <v>205</v>
      </c>
      <c r="F991" s="16" t="s">
        <v>111</v>
      </c>
    </row>
    <row r="992" spans="1:6" ht="24" x14ac:dyDescent="0.25">
      <c r="A992" s="15" t="s">
        <v>90</v>
      </c>
      <c r="B992" s="20" t="s">
        <v>1748</v>
      </c>
      <c r="C992" s="16" t="s">
        <v>204</v>
      </c>
      <c r="D992" s="16" t="s">
        <v>203</v>
      </c>
      <c r="E992" s="16" t="s">
        <v>202</v>
      </c>
      <c r="F992" s="16" t="s">
        <v>111</v>
      </c>
    </row>
    <row r="993" spans="1:6" ht="24" x14ac:dyDescent="0.25">
      <c r="A993" s="15" t="s">
        <v>90</v>
      </c>
      <c r="B993" s="20" t="s">
        <v>1748</v>
      </c>
      <c r="C993" s="16" t="s">
        <v>201</v>
      </c>
      <c r="D993" s="16" t="s">
        <v>200</v>
      </c>
      <c r="E993" s="16" t="s">
        <v>199</v>
      </c>
      <c r="F993" s="16" t="s">
        <v>111</v>
      </c>
    </row>
    <row r="994" spans="1:6" ht="24.75" thickBot="1" x14ac:dyDescent="0.3">
      <c r="A994" s="22" t="s">
        <v>90</v>
      </c>
      <c r="B994" s="23" t="s">
        <v>1748</v>
      </c>
      <c r="C994" s="24" t="s">
        <v>197</v>
      </c>
      <c r="D994" s="24" t="s">
        <v>196</v>
      </c>
      <c r="E994" s="24" t="s">
        <v>195</v>
      </c>
      <c r="F994" s="16" t="s">
        <v>111</v>
      </c>
    </row>
    <row r="995" spans="1:6" ht="25.5" thickTop="1" thickBot="1" x14ac:dyDescent="0.3">
      <c r="A995" s="28" t="s">
        <v>91</v>
      </c>
      <c r="B995" s="29" t="s">
        <v>194</v>
      </c>
      <c r="C995" s="30"/>
      <c r="D995" s="30"/>
      <c r="E995" s="30"/>
      <c r="F995" s="16" t="s">
        <v>111</v>
      </c>
    </row>
    <row r="996" spans="1:6" ht="13.5" thickTop="1" thickBot="1" x14ac:dyDescent="0.3">
      <c r="A996" s="28" t="s">
        <v>92</v>
      </c>
      <c r="B996" s="29" t="s">
        <v>193</v>
      </c>
      <c r="C996" s="30"/>
      <c r="D996" s="30"/>
      <c r="E996" s="30"/>
      <c r="F996" s="16" t="s">
        <v>111</v>
      </c>
    </row>
    <row r="997" spans="1:6" ht="13.5" thickTop="1" thickBot="1" x14ac:dyDescent="0.3">
      <c r="A997" s="28" t="s">
        <v>93</v>
      </c>
      <c r="B997" s="29" t="s">
        <v>192</v>
      </c>
      <c r="C997" s="30"/>
      <c r="D997" s="30"/>
      <c r="E997" s="30"/>
      <c r="F997" s="16" t="s">
        <v>111</v>
      </c>
    </row>
    <row r="998" spans="1:6" ht="25.5" thickTop="1" thickBot="1" x14ac:dyDescent="0.3">
      <c r="A998" s="28" t="s">
        <v>94</v>
      </c>
      <c r="B998" s="29" t="s">
        <v>191</v>
      </c>
      <c r="C998" s="30"/>
      <c r="D998" s="30"/>
      <c r="E998" s="30"/>
      <c r="F998" s="16" t="s">
        <v>111</v>
      </c>
    </row>
    <row r="999" spans="1:6" ht="97.5" thickTop="1" thickBot="1" x14ac:dyDescent="0.3">
      <c r="A999" s="28" t="s">
        <v>95</v>
      </c>
      <c r="B999" s="29" t="s">
        <v>190</v>
      </c>
      <c r="C999" s="30"/>
      <c r="D999" s="30"/>
      <c r="E999" s="30"/>
      <c r="F999" s="16" t="s">
        <v>111</v>
      </c>
    </row>
    <row r="1000" spans="1:6" ht="97.5" thickTop="1" thickBot="1" x14ac:dyDescent="0.3">
      <c r="A1000" s="28" t="s">
        <v>96</v>
      </c>
      <c r="B1000" s="29" t="s">
        <v>189</v>
      </c>
      <c r="C1000" s="30"/>
      <c r="D1000" s="30"/>
      <c r="E1000" s="30"/>
      <c r="F1000" s="16" t="s">
        <v>111</v>
      </c>
    </row>
    <row r="1001" spans="1:6" ht="109.5" thickTop="1" thickBot="1" x14ac:dyDescent="0.3">
      <c r="A1001" s="28" t="s">
        <v>97</v>
      </c>
      <c r="B1001" s="29" t="s">
        <v>188</v>
      </c>
      <c r="C1001" s="30"/>
      <c r="D1001" s="30"/>
      <c r="E1001" s="30"/>
      <c r="F1001" s="16" t="s">
        <v>111</v>
      </c>
    </row>
    <row r="1002" spans="1:6" ht="25.5" thickTop="1" thickBot="1" x14ac:dyDescent="0.3">
      <c r="A1002" s="28" t="s">
        <v>98</v>
      </c>
      <c r="B1002" s="29" t="s">
        <v>187</v>
      </c>
      <c r="C1002" s="30"/>
      <c r="D1002" s="30"/>
      <c r="E1002" s="30"/>
      <c r="F1002" s="16" t="s">
        <v>111</v>
      </c>
    </row>
    <row r="1003" spans="1:6" ht="13.5" thickTop="1" thickBot="1" x14ac:dyDescent="0.3">
      <c r="A1003" s="28" t="s">
        <v>99</v>
      </c>
      <c r="B1003" s="29" t="s">
        <v>186</v>
      </c>
      <c r="C1003" s="30"/>
      <c r="D1003" s="30"/>
      <c r="E1003" s="30"/>
      <c r="F1003" s="16" t="s">
        <v>111</v>
      </c>
    </row>
    <row r="1004" spans="1:6" ht="13.5" thickTop="1" thickBot="1" x14ac:dyDescent="0.3">
      <c r="A1004" s="28" t="s">
        <v>100</v>
      </c>
      <c r="B1004" s="29" t="s">
        <v>185</v>
      </c>
      <c r="C1004" s="30"/>
      <c r="D1004" s="30"/>
      <c r="E1004" s="30"/>
      <c r="F1004" s="16" t="s">
        <v>111</v>
      </c>
    </row>
    <row r="1005" spans="1:6" ht="49.5" thickTop="1" thickBot="1" x14ac:dyDescent="0.3">
      <c r="A1005" s="28" t="s">
        <v>101</v>
      </c>
      <c r="B1005" s="29" t="s">
        <v>184</v>
      </c>
      <c r="C1005" s="30"/>
      <c r="D1005" s="30"/>
      <c r="E1005" s="30"/>
      <c r="F1005" s="16" t="s">
        <v>111</v>
      </c>
    </row>
    <row r="1006" spans="1:6" ht="13.5" thickTop="1" thickBot="1" x14ac:dyDescent="0.3">
      <c r="A1006" s="28" t="s">
        <v>102</v>
      </c>
      <c r="B1006" s="29" t="s">
        <v>183</v>
      </c>
      <c r="C1006" s="30"/>
      <c r="D1006" s="30"/>
      <c r="E1006" s="30"/>
      <c r="F1006" s="16" t="s">
        <v>111</v>
      </c>
    </row>
    <row r="1007" spans="1:6" ht="25.5" thickTop="1" thickBot="1" x14ac:dyDescent="0.3">
      <c r="A1007" s="28" t="s">
        <v>182</v>
      </c>
      <c r="B1007" s="29" t="s">
        <v>181</v>
      </c>
      <c r="C1007" s="30"/>
      <c r="D1007" s="30"/>
      <c r="E1007" s="30"/>
      <c r="F1007" s="16" t="s">
        <v>111</v>
      </c>
    </row>
    <row r="1008" spans="1:6" ht="24.75" thickTop="1" x14ac:dyDescent="0.25">
      <c r="A1008" s="25" t="s">
        <v>168</v>
      </c>
      <c r="B1008" s="26" t="s">
        <v>167</v>
      </c>
      <c r="C1008" s="27">
        <v>0</v>
      </c>
      <c r="D1008" s="27" t="s">
        <v>180</v>
      </c>
      <c r="E1008" s="27" t="s">
        <v>179</v>
      </c>
      <c r="F1008" s="16" t="s">
        <v>111</v>
      </c>
    </row>
    <row r="1009" spans="1:6" ht="24" x14ac:dyDescent="0.25">
      <c r="A1009" s="15" t="s">
        <v>168</v>
      </c>
      <c r="B1009" s="20" t="s">
        <v>1748</v>
      </c>
      <c r="C1009" s="16">
        <v>1</v>
      </c>
      <c r="D1009" s="16" t="s">
        <v>178</v>
      </c>
      <c r="E1009" s="16" t="s">
        <v>177</v>
      </c>
      <c r="F1009" s="16" t="s">
        <v>111</v>
      </c>
    </row>
    <row r="1010" spans="1:6" ht="24" x14ac:dyDescent="0.25">
      <c r="A1010" s="15" t="s">
        <v>168</v>
      </c>
      <c r="B1010" s="20" t="s">
        <v>1748</v>
      </c>
      <c r="C1010" s="16">
        <v>2</v>
      </c>
      <c r="D1010" s="16" t="s">
        <v>176</v>
      </c>
      <c r="E1010" s="16" t="s">
        <v>175</v>
      </c>
      <c r="F1010" s="16" t="s">
        <v>111</v>
      </c>
    </row>
    <row r="1011" spans="1:6" ht="24" x14ac:dyDescent="0.25">
      <c r="A1011" s="15" t="s">
        <v>168</v>
      </c>
      <c r="B1011" s="20" t="s">
        <v>1748</v>
      </c>
      <c r="C1011" s="16">
        <v>3</v>
      </c>
      <c r="D1011" s="16" t="s">
        <v>174</v>
      </c>
      <c r="E1011" s="16" t="s">
        <v>173</v>
      </c>
      <c r="F1011" s="16" t="s">
        <v>111</v>
      </c>
    </row>
    <row r="1012" spans="1:6" ht="24" x14ac:dyDescent="0.25">
      <c r="A1012" s="15" t="s">
        <v>168</v>
      </c>
      <c r="B1012" s="20" t="s">
        <v>1748</v>
      </c>
      <c r="C1012" s="16">
        <v>4</v>
      </c>
      <c r="D1012" s="16" t="s">
        <v>172</v>
      </c>
      <c r="E1012" s="16" t="s">
        <v>171</v>
      </c>
      <c r="F1012" s="16" t="s">
        <v>111</v>
      </c>
    </row>
    <row r="1013" spans="1:6" ht="24" x14ac:dyDescent="0.25">
      <c r="A1013" s="15" t="s">
        <v>168</v>
      </c>
      <c r="B1013" s="20" t="s">
        <v>1748</v>
      </c>
      <c r="C1013" s="16">
        <v>5</v>
      </c>
      <c r="D1013" s="16" t="s">
        <v>170</v>
      </c>
      <c r="E1013" s="16" t="s">
        <v>169</v>
      </c>
      <c r="F1013" s="16" t="s">
        <v>111</v>
      </c>
    </row>
    <row r="1014" spans="1:6" ht="24.75" thickBot="1" x14ac:dyDescent="0.3">
      <c r="A1014" s="22" t="s">
        <v>168</v>
      </c>
      <c r="B1014" s="23" t="s">
        <v>1748</v>
      </c>
      <c r="C1014" s="24">
        <v>6</v>
      </c>
      <c r="D1014" s="24" t="s">
        <v>166</v>
      </c>
      <c r="E1014" s="24" t="s">
        <v>165</v>
      </c>
      <c r="F1014" s="16" t="s">
        <v>111</v>
      </c>
    </row>
    <row r="1015" spans="1:6" ht="24.75" thickTop="1" x14ac:dyDescent="0.25">
      <c r="A1015" s="25" t="s">
        <v>158</v>
      </c>
      <c r="B1015" s="26" t="s">
        <v>157</v>
      </c>
      <c r="C1015" s="27">
        <v>1</v>
      </c>
      <c r="D1015" s="27" t="s">
        <v>164</v>
      </c>
      <c r="E1015" s="27" t="s">
        <v>163</v>
      </c>
      <c r="F1015" s="16" t="s">
        <v>111</v>
      </c>
    </row>
    <row r="1016" spans="1:6" ht="24" x14ac:dyDescent="0.25">
      <c r="A1016" s="15" t="s">
        <v>158</v>
      </c>
      <c r="B1016" s="20" t="s">
        <v>1748</v>
      </c>
      <c r="C1016" s="16">
        <v>2</v>
      </c>
      <c r="D1016" s="16" t="s">
        <v>162</v>
      </c>
      <c r="E1016" s="16" t="s">
        <v>161</v>
      </c>
      <c r="F1016" s="16" t="s">
        <v>111</v>
      </c>
    </row>
    <row r="1017" spans="1:6" ht="24" x14ac:dyDescent="0.25">
      <c r="A1017" s="15" t="s">
        <v>158</v>
      </c>
      <c r="B1017" s="20" t="s">
        <v>1748</v>
      </c>
      <c r="C1017" s="16">
        <v>3</v>
      </c>
      <c r="D1017" s="16" t="s">
        <v>160</v>
      </c>
      <c r="E1017" s="16" t="s">
        <v>159</v>
      </c>
      <c r="F1017" s="16" t="s">
        <v>111</v>
      </c>
    </row>
    <row r="1018" spans="1:6" ht="24.75" thickBot="1" x14ac:dyDescent="0.3">
      <c r="A1018" s="22" t="s">
        <v>158</v>
      </c>
      <c r="B1018" s="23" t="s">
        <v>1748</v>
      </c>
      <c r="C1018" s="24">
        <v>4</v>
      </c>
      <c r="D1018" s="24" t="s">
        <v>156</v>
      </c>
      <c r="E1018" s="24" t="s">
        <v>155</v>
      </c>
      <c r="F1018" s="16" t="s">
        <v>111</v>
      </c>
    </row>
    <row r="1019" spans="1:6" ht="24.75" thickTop="1" x14ac:dyDescent="0.25">
      <c r="A1019" s="25" t="s">
        <v>133</v>
      </c>
      <c r="B1019" s="26" t="s">
        <v>132</v>
      </c>
      <c r="C1019" s="27" t="s">
        <v>154</v>
      </c>
      <c r="D1019" s="27" t="s">
        <v>153</v>
      </c>
      <c r="E1019" s="27"/>
      <c r="F1019" s="16" t="s">
        <v>111</v>
      </c>
    </row>
    <row r="1020" spans="1:6" ht="24" x14ac:dyDescent="0.25">
      <c r="A1020" s="15" t="s">
        <v>133</v>
      </c>
      <c r="B1020" s="20" t="s">
        <v>1748</v>
      </c>
      <c r="C1020" s="16" t="s">
        <v>152</v>
      </c>
      <c r="D1020" s="16" t="s">
        <v>151</v>
      </c>
      <c r="E1020" s="16" t="s">
        <v>150</v>
      </c>
      <c r="F1020" s="16" t="s">
        <v>111</v>
      </c>
    </row>
    <row r="1021" spans="1:6" ht="24" x14ac:dyDescent="0.25">
      <c r="A1021" s="15" t="s">
        <v>133</v>
      </c>
      <c r="B1021" s="20" t="s">
        <v>1748</v>
      </c>
      <c r="C1021" s="16" t="s">
        <v>149</v>
      </c>
      <c r="D1021" s="16" t="s">
        <v>148</v>
      </c>
      <c r="E1021" s="16" t="s">
        <v>147</v>
      </c>
      <c r="F1021" s="16" t="s">
        <v>111</v>
      </c>
    </row>
    <row r="1022" spans="1:6" ht="24" x14ac:dyDescent="0.25">
      <c r="A1022" s="15" t="s">
        <v>133</v>
      </c>
      <c r="B1022" s="20" t="s">
        <v>1748</v>
      </c>
      <c r="C1022" s="16" t="s">
        <v>146</v>
      </c>
      <c r="D1022" s="16" t="s">
        <v>145</v>
      </c>
      <c r="E1022" s="16" t="s">
        <v>144</v>
      </c>
      <c r="F1022" s="16" t="s">
        <v>111</v>
      </c>
    </row>
    <row r="1023" spans="1:6" ht="24" x14ac:dyDescent="0.25">
      <c r="A1023" s="15" t="s">
        <v>133</v>
      </c>
      <c r="B1023" s="20" t="s">
        <v>1748</v>
      </c>
      <c r="C1023" s="16" t="s">
        <v>143</v>
      </c>
      <c r="D1023" s="16" t="s">
        <v>142</v>
      </c>
      <c r="E1023" s="16" t="s">
        <v>141</v>
      </c>
      <c r="F1023" s="16" t="s">
        <v>111</v>
      </c>
    </row>
    <row r="1024" spans="1:6" ht="24" x14ac:dyDescent="0.25">
      <c r="A1024" s="15" t="s">
        <v>133</v>
      </c>
      <c r="B1024" s="20" t="s">
        <v>1748</v>
      </c>
      <c r="C1024" s="16" t="s">
        <v>140</v>
      </c>
      <c r="D1024" s="16" t="s">
        <v>139</v>
      </c>
      <c r="E1024" s="16" t="s">
        <v>138</v>
      </c>
      <c r="F1024" s="16" t="s">
        <v>111</v>
      </c>
    </row>
    <row r="1025" spans="1:6" ht="24" x14ac:dyDescent="0.25">
      <c r="A1025" s="15" t="s">
        <v>133</v>
      </c>
      <c r="B1025" s="20" t="s">
        <v>1748</v>
      </c>
      <c r="C1025" s="16" t="s">
        <v>137</v>
      </c>
      <c r="D1025" s="16" t="s">
        <v>136</v>
      </c>
      <c r="E1025" s="16"/>
      <c r="F1025" s="16" t="s">
        <v>111</v>
      </c>
    </row>
    <row r="1026" spans="1:6" ht="24" x14ac:dyDescent="0.25">
      <c r="A1026" s="15" t="s">
        <v>133</v>
      </c>
      <c r="B1026" s="20" t="s">
        <v>1748</v>
      </c>
      <c r="C1026" s="16" t="s">
        <v>135</v>
      </c>
      <c r="D1026" s="16" t="s">
        <v>134</v>
      </c>
      <c r="E1026" s="16"/>
      <c r="F1026" s="16" t="s">
        <v>111</v>
      </c>
    </row>
    <row r="1027" spans="1:6" ht="24.75" thickBot="1" x14ac:dyDescent="0.3">
      <c r="A1027" s="22" t="s">
        <v>133</v>
      </c>
      <c r="B1027" s="23" t="s">
        <v>1748</v>
      </c>
      <c r="C1027" s="24" t="s">
        <v>131</v>
      </c>
      <c r="D1027" s="24" t="s">
        <v>130</v>
      </c>
      <c r="E1027" s="24"/>
      <c r="F1027" s="16" t="s">
        <v>111</v>
      </c>
    </row>
    <row r="1028" spans="1:6" ht="24.75" thickTop="1" x14ac:dyDescent="0.25">
      <c r="A1028" s="25" t="s">
        <v>103</v>
      </c>
      <c r="B1028" s="26" t="s">
        <v>121</v>
      </c>
      <c r="C1028" s="27" t="s">
        <v>129</v>
      </c>
      <c r="D1028" s="27" t="s">
        <v>128</v>
      </c>
      <c r="E1028" s="27"/>
      <c r="F1028" s="16" t="s">
        <v>111</v>
      </c>
    </row>
    <row r="1029" spans="1:6" ht="24" x14ac:dyDescent="0.25">
      <c r="A1029" s="15" t="s">
        <v>103</v>
      </c>
      <c r="B1029" s="20" t="s">
        <v>1748</v>
      </c>
      <c r="C1029" s="16" t="s">
        <v>127</v>
      </c>
      <c r="D1029" s="16" t="s">
        <v>126</v>
      </c>
      <c r="E1029" s="16"/>
      <c r="F1029" s="16" t="s">
        <v>111</v>
      </c>
    </row>
    <row r="1030" spans="1:6" ht="24" x14ac:dyDescent="0.25">
      <c r="A1030" s="15" t="s">
        <v>103</v>
      </c>
      <c r="B1030" s="20" t="s">
        <v>1748</v>
      </c>
      <c r="C1030" s="16" t="s">
        <v>125</v>
      </c>
      <c r="D1030" s="16" t="s">
        <v>124</v>
      </c>
      <c r="E1030" s="16"/>
      <c r="F1030" s="16" t="s">
        <v>111</v>
      </c>
    </row>
    <row r="1031" spans="1:6" ht="24" x14ac:dyDescent="0.25">
      <c r="A1031" s="15" t="s">
        <v>103</v>
      </c>
      <c r="B1031" s="20" t="s">
        <v>1748</v>
      </c>
      <c r="C1031" s="16" t="s">
        <v>123</v>
      </c>
      <c r="D1031" s="16" t="s">
        <v>122</v>
      </c>
      <c r="E1031" s="16"/>
      <c r="F1031" s="16" t="s">
        <v>111</v>
      </c>
    </row>
    <row r="1032" spans="1:6" ht="24.75" thickBot="1" x14ac:dyDescent="0.3">
      <c r="A1032" s="22" t="s">
        <v>103</v>
      </c>
      <c r="B1032" s="23" t="s">
        <v>1748</v>
      </c>
      <c r="C1032" s="24" t="s">
        <v>120</v>
      </c>
      <c r="D1032" s="24" t="s">
        <v>119</v>
      </c>
      <c r="E1032" s="24"/>
      <c r="F1032" s="16" t="s">
        <v>111</v>
      </c>
    </row>
    <row r="1033" spans="1:6" ht="37.5" thickTop="1" thickBot="1" x14ac:dyDescent="0.3">
      <c r="A1033" s="28" t="s">
        <v>104</v>
      </c>
      <c r="B1033" s="29" t="s">
        <v>118</v>
      </c>
      <c r="C1033" s="30"/>
      <c r="D1033" s="30"/>
      <c r="E1033" s="30"/>
      <c r="F1033" s="16" t="s">
        <v>111</v>
      </c>
    </row>
    <row r="1034" spans="1:6" ht="25.5" thickTop="1" thickBot="1" x14ac:dyDescent="0.3">
      <c r="A1034" s="28" t="s">
        <v>105</v>
      </c>
      <c r="B1034" s="29" t="s">
        <v>117</v>
      </c>
      <c r="C1034" s="30"/>
      <c r="D1034" s="30"/>
      <c r="E1034" s="30"/>
      <c r="F1034" s="16" t="s">
        <v>111</v>
      </c>
    </row>
    <row r="1035" spans="1:6" ht="13.5" thickTop="1" thickBot="1" x14ac:dyDescent="0.3">
      <c r="A1035" s="28" t="s">
        <v>106</v>
      </c>
      <c r="B1035" s="29" t="s">
        <v>116</v>
      </c>
      <c r="C1035" s="30"/>
      <c r="D1035" s="30"/>
      <c r="E1035" s="30"/>
      <c r="F1035" s="16" t="s">
        <v>111</v>
      </c>
    </row>
    <row r="1036" spans="1:6" ht="13.5" thickTop="1" thickBot="1" x14ac:dyDescent="0.3">
      <c r="A1036" s="28" t="s">
        <v>38</v>
      </c>
      <c r="B1036" s="29" t="s">
        <v>115</v>
      </c>
      <c r="C1036" s="30"/>
      <c r="D1036" s="30"/>
      <c r="E1036" s="30"/>
      <c r="F1036" s="16" t="s">
        <v>111</v>
      </c>
    </row>
    <row r="1037" spans="1:6" ht="145.5" thickTop="1" thickBot="1" x14ac:dyDescent="0.3">
      <c r="A1037" s="28" t="s">
        <v>107</v>
      </c>
      <c r="B1037" s="29" t="s">
        <v>114</v>
      </c>
      <c r="C1037" s="30"/>
      <c r="D1037" s="30"/>
      <c r="E1037" s="30"/>
      <c r="F1037" s="16" t="s">
        <v>111</v>
      </c>
    </row>
    <row r="1038" spans="1:6" ht="49.5" thickTop="1" thickBot="1" x14ac:dyDescent="0.3">
      <c r="A1038" s="28" t="s">
        <v>113</v>
      </c>
      <c r="B1038" s="29" t="s">
        <v>112</v>
      </c>
      <c r="C1038" s="30"/>
      <c r="D1038" s="30"/>
      <c r="E1038" s="30"/>
      <c r="F1038" s="16" t="s">
        <v>111</v>
      </c>
    </row>
    <row r="1039" spans="1:6" ht="61.5" thickTop="1" thickBot="1" x14ac:dyDescent="0.3">
      <c r="A1039" s="28" t="s">
        <v>108</v>
      </c>
      <c r="B1039" s="29" t="s">
        <v>110</v>
      </c>
      <c r="C1039" s="30"/>
      <c r="D1039" s="30"/>
      <c r="E1039" s="30"/>
      <c r="F1039" s="16"/>
    </row>
    <row r="1040" spans="1:6" ht="97.5" thickTop="1" thickBot="1" x14ac:dyDescent="0.3">
      <c r="A1040" s="28" t="s">
        <v>41</v>
      </c>
      <c r="B1040" s="29" t="s">
        <v>109</v>
      </c>
      <c r="C1040" s="30"/>
      <c r="D1040" s="30"/>
      <c r="E1040" s="30"/>
      <c r="F1040" s="16"/>
    </row>
    <row r="1041" spans="1:5" ht="12.75" thickTop="1" x14ac:dyDescent="0.25">
      <c r="A1041" s="32"/>
      <c r="B1041" s="33"/>
      <c r="C1041" s="34"/>
      <c r="D1041" s="34"/>
      <c r="E1041" s="34"/>
    </row>
  </sheetData>
  <autoFilter ref="A1:F1040" xr:uid="{12E3614D-1DF4-4387-B9A6-3EA02E7C0232}"/>
  <pageMargins left="0.23622047244094502" right="0.23622047244094502" top="0.74803149606299202" bottom="0.74803149606299202" header="0.31496062992126" footer="0.31496062992126"/>
  <pageSetup orientation="portrait" r:id="rId1"/>
  <headerFooter>
    <oddHeader>&amp;C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3D649A-5956-4BA2-9D72-ABDC77907E21}">
  <sheetPr codeName="Sheet8"/>
  <dimension ref="A1:E2"/>
  <sheetViews>
    <sheetView workbookViewId="0">
      <pane ySplit="1" topLeftCell="A2" activePane="bottomLeft" state="frozen"/>
      <selection pane="bottomLeft" activeCell="A3" sqref="A3"/>
    </sheetView>
  </sheetViews>
  <sheetFormatPr defaultRowHeight="12.75" x14ac:dyDescent="0.2"/>
  <cols>
    <col min="1" max="1" width="25.7109375" style="2" customWidth="1"/>
    <col min="2" max="2" width="25.7109375" style="8" customWidth="1"/>
    <col min="3" max="5" width="25.7109375" style="2" customWidth="1"/>
    <col min="6" max="16384" width="9.140625" style="2"/>
  </cols>
  <sheetData>
    <row r="1" spans="1:5" s="7" customFormat="1" ht="39.950000000000003" customHeight="1" x14ac:dyDescent="0.2">
      <c r="A1" s="9" t="s">
        <v>1742</v>
      </c>
      <c r="B1" s="10" t="s">
        <v>1741</v>
      </c>
      <c r="C1" s="9" t="s">
        <v>1740</v>
      </c>
      <c r="D1" s="9" t="s">
        <v>1739</v>
      </c>
      <c r="E1" s="9" t="s">
        <v>1738</v>
      </c>
    </row>
    <row r="2" spans="1:5" x14ac:dyDescent="0.2">
      <c r="A2" s="2" t="s">
        <v>1743</v>
      </c>
      <c r="B2" s="8" t="s">
        <v>1744</v>
      </c>
      <c r="C2" s="2" t="s">
        <v>1745</v>
      </c>
      <c r="D2" s="2" t="s">
        <v>1746</v>
      </c>
      <c r="E2" s="2" t="s">
        <v>1747</v>
      </c>
    </row>
  </sheetData>
  <autoFilter ref="A1:E2" xr:uid="{EC8D3A75-D61E-454C-AF0D-460579ECD53A}"/>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2260D1-542A-425F-B5B3-225F93902F2A}">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9</vt:i4>
      </vt:variant>
      <vt:variant>
        <vt:lpstr>Named Ranges</vt:lpstr>
      </vt:variant>
      <vt:variant>
        <vt:i4>1</vt:i4>
      </vt:variant>
    </vt:vector>
  </HeadingPairs>
  <TitlesOfParts>
    <vt:vector size="10" baseType="lpstr">
      <vt:lpstr>Survey Information</vt:lpstr>
      <vt:lpstr>Sample Station Information</vt:lpstr>
      <vt:lpstr>Sample Station Visits</vt:lpstr>
      <vt:lpstr>Survey Obs (Bird Call Playback)</vt:lpstr>
      <vt:lpstr>Survey Summary</vt:lpstr>
      <vt:lpstr>Site &amp; Incidental Observations</vt:lpstr>
      <vt:lpstr>Predefined Columns and Codes</vt:lpstr>
      <vt:lpstr>User-defined Columns and Codes</vt:lpstr>
      <vt:lpstr>tempUserValuesPicklists</vt:lpstr>
      <vt:lpstr>'Predefined Columns and Codes'!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urvey Data Template</dc:title>
  <dc:creator>WSI Business Area - 09-May-2022</dc:creator>
  <cp:lastModifiedBy>Tolkamp, Calvin  ENV:EX</cp:lastModifiedBy>
  <dcterms:created xsi:type="dcterms:W3CDTF">2022-05-09T18:23:51Z</dcterms:created>
  <dcterms:modified xsi:type="dcterms:W3CDTF">2022-05-10T00:03:42Z</dcterms:modified>
</cp:coreProperties>
</file>